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01_松江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9" uniqueCount="441">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松江記念病院</t>
    <phoneticPr fontId="3"/>
  </si>
  <si>
    <t>〒690-0015 松江市上乃木三丁目４番１号</t>
    <phoneticPr fontId="3"/>
  </si>
  <si>
    <t>1986</t>
  </si>
  <si>
    <t>3</t>
  </si>
  <si>
    <t>〇</t>
  </si>
  <si>
    <t>医療法人</t>
  </si>
  <si>
    <t>複数の診療科で活用</t>
  </si>
  <si>
    <t>内科</t>
  </si>
  <si>
    <t>外科</t>
  </si>
  <si>
    <t>消化器内科（胃腸内科）</t>
  </si>
  <si>
    <t>地域一般入院料１</t>
  </si>
  <si>
    <t>地域包括ケア入院医療管理料１</t>
  </si>
  <si>
    <t>ＤＰＣ病院ではない</t>
  </si>
  <si>
    <t>有</t>
  </si>
  <si>
    <t>無</t>
  </si>
  <si>
    <t>届出無し</t>
  </si>
  <si>
    <t>看護必要度Ⅰ</t>
    <phoneticPr fontId="3"/>
  </si>
  <si>
    <t>*</t>
  </si>
  <si>
    <t>医療一般病棟</t>
  </si>
  <si>
    <t>急性期機能</t>
  </si>
  <si>
    <t>療養病棟入院料１</t>
  </si>
  <si>
    <t>-</t>
    <phoneticPr fontId="3"/>
  </si>
  <si>
    <t>医療療養病棟</t>
  </si>
  <si>
    <t>回復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4" fillId="5" borderId="11" xfId="1" applyFont="1" applyFill="1" applyBorder="1" applyAlignment="1">
      <alignment horizontal="left" vertical="top" wrapText="1"/>
    </xf>
    <xf numFmtId="0" fontId="0" fillId="0" borderId="5" xfId="0" applyBorder="1" applyAlignment="1">
      <alignment horizontal="left" vertical="top" wrapText="1"/>
    </xf>
    <xf numFmtId="0" fontId="10" fillId="5" borderId="11" xfId="1" applyFont="1" applyFill="1" applyBorder="1" applyAlignment="1">
      <alignment horizontal="left" vertical="top" wrapText="1"/>
    </xf>
    <xf numFmtId="0" fontId="12" fillId="0" borderId="5" xfId="0" applyFont="1" applyBorder="1" applyAlignment="1">
      <alignment horizontal="left" vertical="top" wrapText="1"/>
    </xf>
    <xf numFmtId="0" fontId="12" fillId="0" borderId="15" xfId="0" applyFont="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0" fillId="4" borderId="0" xfId="1" applyFont="1" applyFill="1" applyBorder="1" applyAlignment="1">
      <alignment horizontal="left" vertical="center" wrapText="1"/>
    </xf>
    <xf numFmtId="0" fontId="12" fillId="0" borderId="5" xfId="0" applyFont="1" applyBorder="1">
      <alignment vertical="center"/>
    </xf>
    <xf numFmtId="0" fontId="10" fillId="4" borderId="12" xfId="1" applyFont="1" applyFill="1" applyBorder="1" applyAlignment="1">
      <alignment vertical="center" wrapText="1"/>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5" borderId="15" xfId="1" applyFont="1" applyFill="1" applyBorder="1" applyAlignment="1">
      <alignment horizontal="left" vertical="top" wrapText="1"/>
    </xf>
    <xf numFmtId="0" fontId="10" fillId="5" borderId="5" xfId="1" applyFont="1" applyFill="1" applyBorder="1" applyAlignment="1">
      <alignment horizontal="left" vertical="top" wrapText="1"/>
    </xf>
    <xf numFmtId="0" fontId="4" fillId="4" borderId="12"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8" xfId="1" applyFont="1" applyFill="1" applyBorder="1" applyAlignment="1">
      <alignment horizontal="left" vertical="center"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1" xfId="1" applyFont="1" applyFill="1" applyBorder="1" applyAlignment="1">
      <alignment horizontal="center"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0" fillId="0" borderId="1" xfId="0" applyBorder="1" applyAlignment="1">
      <alignment horizontal="center"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0" fillId="0" borderId="15" xfId="0" applyBorder="1" applyAlignment="1">
      <alignment horizontal="left" vertical="top"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4" borderId="1" xfId="0" applyFill="1" applyBorder="1" applyAlignment="1">
      <alignment horizontal="left" vertical="center"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4" fillId="4" borderId="0" xfId="1" applyFont="1" applyFill="1" applyBorder="1" applyAlignment="1">
      <alignment horizontal="left" vertical="center"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center" vertical="center"/>
    </xf>
    <xf numFmtId="0" fontId="14" fillId="0" borderId="0" xfId="2">
      <alignment vertical="center"/>
    </xf>
    <xf numFmtId="0" fontId="4" fillId="3" borderId="1" xfId="1" applyFont="1" applyFill="1" applyBorder="1" applyAlignment="1">
      <alignment horizontal="center" vertical="center"/>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16" fillId="2" borderId="0" xfId="1" applyFont="1" applyFill="1" applyAlignment="1">
      <alignment horizontal="left" vertical="center" wrapText="1"/>
    </xf>
    <xf numFmtId="0" fontId="16" fillId="2" borderId="0" xfId="1" applyFont="1" applyFill="1" applyAlignment="1">
      <alignment horizontal="left" vertical="top"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1017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364" t="s">
        <v>440</v>
      </c>
      <c r="C4" s="364"/>
      <c r="D4" s="364"/>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365" t="s">
        <v>259</v>
      </c>
      <c r="J9" s="365"/>
      <c r="K9" s="365"/>
      <c r="L9" s="244" t="s">
        <v>434</v>
      </c>
      <c r="M9" s="244" t="s">
        <v>438</v>
      </c>
    </row>
    <row r="10" spans="1:22" s="17" customFormat="1" ht="34.5" customHeight="1" x14ac:dyDescent="0.15">
      <c r="A10" s="189" t="s">
        <v>267</v>
      </c>
      <c r="B10" s="13"/>
      <c r="C10" s="15"/>
      <c r="D10" s="15"/>
      <c r="E10" s="15"/>
      <c r="F10" s="15"/>
      <c r="G10" s="15"/>
      <c r="H10" s="16"/>
      <c r="I10" s="363" t="s">
        <v>257</v>
      </c>
      <c r="J10" s="363"/>
      <c r="K10" s="363"/>
      <c r="L10" s="20" t="s">
        <v>418</v>
      </c>
      <c r="M10" s="20" t="s">
        <v>418</v>
      </c>
    </row>
    <row r="11" spans="1:22" s="17" customFormat="1" ht="34.5" customHeight="1" x14ac:dyDescent="0.15">
      <c r="A11" s="189" t="s">
        <v>267</v>
      </c>
      <c r="B11" s="19"/>
      <c r="C11" s="15"/>
      <c r="D11" s="15"/>
      <c r="E11" s="15"/>
      <c r="F11" s="15"/>
      <c r="G11" s="15"/>
      <c r="H11" s="16"/>
      <c r="I11" s="363" t="s">
        <v>258</v>
      </c>
      <c r="J11" s="363"/>
      <c r="K11" s="363"/>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365" t="s">
        <v>251</v>
      </c>
      <c r="J16" s="365"/>
      <c r="K16" s="365"/>
      <c r="L16" s="217" t="s">
        <v>434</v>
      </c>
      <c r="M16" s="223" t="s">
        <v>438</v>
      </c>
    </row>
    <row r="17" spans="1:22" s="17" customFormat="1" ht="34.5" customHeight="1" x14ac:dyDescent="0.15">
      <c r="A17" s="189" t="s">
        <v>267</v>
      </c>
      <c r="B17" s="13"/>
      <c r="C17" s="15"/>
      <c r="D17" s="15"/>
      <c r="E17" s="15"/>
      <c r="F17" s="15"/>
      <c r="G17" s="15"/>
      <c r="H17" s="16"/>
      <c r="I17" s="363" t="s">
        <v>0</v>
      </c>
      <c r="J17" s="363"/>
      <c r="K17" s="363"/>
      <c r="L17" s="20"/>
      <c r="M17" s="20"/>
    </row>
    <row r="18" spans="1:22" s="17" customFormat="1" ht="34.5" customHeight="1" x14ac:dyDescent="0.15">
      <c r="A18" s="189" t="s">
        <v>267</v>
      </c>
      <c r="B18" s="19"/>
      <c r="C18" s="15"/>
      <c r="D18" s="15"/>
      <c r="E18" s="15"/>
      <c r="F18" s="15"/>
      <c r="G18" s="15"/>
      <c r="H18" s="16"/>
      <c r="I18" s="363" t="s">
        <v>1</v>
      </c>
      <c r="J18" s="363"/>
      <c r="K18" s="363"/>
      <c r="L18" s="20" t="s">
        <v>420</v>
      </c>
      <c r="M18" s="20"/>
    </row>
    <row r="19" spans="1:22" s="17" customFormat="1" ht="34.5" customHeight="1" x14ac:dyDescent="0.15">
      <c r="A19" s="189" t="s">
        <v>267</v>
      </c>
      <c r="B19" s="19"/>
      <c r="C19" s="15"/>
      <c r="D19" s="15"/>
      <c r="E19" s="15"/>
      <c r="F19" s="15"/>
      <c r="G19" s="15"/>
      <c r="H19" s="16"/>
      <c r="I19" s="363" t="s">
        <v>2</v>
      </c>
      <c r="J19" s="363"/>
      <c r="K19" s="363"/>
      <c r="L19" s="22"/>
      <c r="M19" s="22" t="s">
        <v>420</v>
      </c>
    </row>
    <row r="20" spans="1:22" s="17" customFormat="1" ht="34.5" customHeight="1" x14ac:dyDescent="0.15">
      <c r="A20" s="189" t="s">
        <v>267</v>
      </c>
      <c r="B20" s="13"/>
      <c r="C20" s="15"/>
      <c r="D20" s="15"/>
      <c r="E20" s="15"/>
      <c r="F20" s="15"/>
      <c r="G20" s="15"/>
      <c r="H20" s="16"/>
      <c r="I20" s="363" t="s">
        <v>3</v>
      </c>
      <c r="J20" s="363"/>
      <c r="K20" s="363"/>
      <c r="L20" s="21"/>
      <c r="M20" s="21"/>
    </row>
    <row r="21" spans="1:22" s="17" customFormat="1" ht="34.5" customHeight="1" x14ac:dyDescent="0.15">
      <c r="A21" s="189" t="s">
        <v>267</v>
      </c>
      <c r="B21" s="13"/>
      <c r="C21" s="15"/>
      <c r="D21" s="15"/>
      <c r="E21" s="15"/>
      <c r="F21" s="15"/>
      <c r="G21" s="15"/>
      <c r="H21" s="16"/>
      <c r="I21" s="363" t="s">
        <v>194</v>
      </c>
      <c r="J21" s="363"/>
      <c r="K21" s="363"/>
      <c r="L21" s="22"/>
      <c r="M21" s="22"/>
    </row>
    <row r="22" spans="1:22" s="17" customFormat="1" ht="34.5" customHeight="1" x14ac:dyDescent="0.15">
      <c r="A22" s="189" t="s">
        <v>267</v>
      </c>
      <c r="B22" s="13"/>
      <c r="C22" s="15"/>
      <c r="D22" s="15"/>
      <c r="E22" s="15"/>
      <c r="F22" s="15"/>
      <c r="G22" s="15"/>
      <c r="H22" s="16"/>
      <c r="I22" s="363" t="s">
        <v>195</v>
      </c>
      <c r="J22" s="363"/>
      <c r="K22" s="363"/>
      <c r="L22" s="22"/>
      <c r="M22" s="22"/>
    </row>
    <row r="23" spans="1:22" s="17" customFormat="1" ht="34.5" customHeight="1" x14ac:dyDescent="0.15">
      <c r="A23" s="189" t="s">
        <v>267</v>
      </c>
      <c r="B23" s="13"/>
      <c r="C23" s="15"/>
      <c r="D23" s="15"/>
      <c r="E23" s="15"/>
      <c r="F23" s="15"/>
      <c r="G23" s="15"/>
      <c r="H23" s="16"/>
      <c r="I23" s="363" t="s">
        <v>241</v>
      </c>
      <c r="J23" s="363"/>
      <c r="K23" s="363"/>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34</v>
      </c>
      <c r="M28" s="223" t="s">
        <v>438</v>
      </c>
    </row>
    <row r="29" spans="1:22" s="17" customFormat="1" ht="34.5" customHeight="1" x14ac:dyDescent="0.15">
      <c r="A29" s="189" t="s">
        <v>268</v>
      </c>
      <c r="B29" s="13"/>
      <c r="C29" s="15"/>
      <c r="D29" s="15"/>
      <c r="E29" s="15"/>
      <c r="F29" s="15"/>
      <c r="G29" s="15"/>
      <c r="H29" s="16"/>
      <c r="I29" s="277" t="s">
        <v>0</v>
      </c>
      <c r="J29" s="278"/>
      <c r="K29" s="279"/>
      <c r="L29" s="20"/>
      <c r="M29" s="20"/>
    </row>
    <row r="30" spans="1:22" s="17" customFormat="1" ht="34.5" customHeight="1" x14ac:dyDescent="0.15">
      <c r="A30" s="189" t="s">
        <v>268</v>
      </c>
      <c r="B30" s="19"/>
      <c r="C30" s="15"/>
      <c r="D30" s="15"/>
      <c r="E30" s="15"/>
      <c r="F30" s="15"/>
      <c r="G30" s="15"/>
      <c r="H30" s="16"/>
      <c r="I30" s="277" t="s">
        <v>1</v>
      </c>
      <c r="J30" s="278"/>
      <c r="K30" s="279"/>
      <c r="L30" s="20" t="s">
        <v>420</v>
      </c>
      <c r="M30" s="20"/>
    </row>
    <row r="31" spans="1:22" s="17" customFormat="1" ht="34.5" customHeight="1" x14ac:dyDescent="0.15">
      <c r="A31" s="189" t="s">
        <v>268</v>
      </c>
      <c r="B31" s="19"/>
      <c r="C31" s="15"/>
      <c r="D31" s="15"/>
      <c r="E31" s="15"/>
      <c r="F31" s="15"/>
      <c r="G31" s="15"/>
      <c r="H31" s="16"/>
      <c r="I31" s="277" t="s">
        <v>2</v>
      </c>
      <c r="J31" s="278"/>
      <c r="K31" s="279"/>
      <c r="L31" s="22"/>
      <c r="M31" s="22" t="s">
        <v>420</v>
      </c>
    </row>
    <row r="32" spans="1:22" s="17" customFormat="1" ht="34.5" customHeight="1" x14ac:dyDescent="0.15">
      <c r="A32" s="189" t="s">
        <v>268</v>
      </c>
      <c r="B32" s="13"/>
      <c r="C32" s="15"/>
      <c r="D32" s="15"/>
      <c r="E32" s="15"/>
      <c r="F32" s="15"/>
      <c r="G32" s="15"/>
      <c r="H32" s="16"/>
      <c r="I32" s="277" t="s">
        <v>3</v>
      </c>
      <c r="J32" s="278"/>
      <c r="K32" s="279"/>
      <c r="L32" s="21"/>
      <c r="M32" s="21"/>
    </row>
    <row r="33" spans="1:22" s="17" customFormat="1" ht="34.5" customHeight="1" x14ac:dyDescent="0.15">
      <c r="A33" s="189" t="s">
        <v>268</v>
      </c>
      <c r="B33" s="13"/>
      <c r="C33" s="15"/>
      <c r="D33" s="15"/>
      <c r="E33" s="15"/>
      <c r="F33" s="15"/>
      <c r="G33" s="15"/>
      <c r="H33" s="16"/>
      <c r="I33" s="283" t="s">
        <v>198</v>
      </c>
      <c r="J33" s="284"/>
      <c r="K33" s="285"/>
      <c r="L33" s="22"/>
      <c r="M33" s="22"/>
    </row>
    <row r="34" spans="1:22" s="17" customFormat="1" ht="34.5" customHeight="1" x14ac:dyDescent="0.15">
      <c r="A34" s="189" t="s">
        <v>268</v>
      </c>
      <c r="B34" s="13"/>
      <c r="C34" s="15"/>
      <c r="D34" s="15"/>
      <c r="E34" s="15"/>
      <c r="F34" s="15"/>
      <c r="G34" s="15"/>
      <c r="H34" s="16"/>
      <c r="I34" s="283" t="s">
        <v>197</v>
      </c>
      <c r="J34" s="284"/>
      <c r="K34" s="285"/>
      <c r="L34" s="22"/>
      <c r="M34" s="22"/>
    </row>
    <row r="35" spans="1:22" s="25" customFormat="1" ht="34.5" customHeight="1" x14ac:dyDescent="0.15">
      <c r="A35" s="189" t="s">
        <v>268</v>
      </c>
      <c r="B35" s="13"/>
      <c r="C35" s="15"/>
      <c r="D35" s="15"/>
      <c r="E35" s="15"/>
      <c r="F35" s="15"/>
      <c r="G35" s="15"/>
      <c r="H35" s="16"/>
      <c r="I35" s="283" t="s">
        <v>4</v>
      </c>
      <c r="J35" s="284"/>
      <c r="K35" s="285"/>
      <c r="L35" s="22"/>
      <c r="M35" s="22"/>
    </row>
    <row r="36" spans="1:22" s="17" customFormat="1" ht="34.5" customHeight="1" x14ac:dyDescent="0.15">
      <c r="A36" s="189" t="s">
        <v>268</v>
      </c>
      <c r="B36" s="13"/>
      <c r="C36" s="15"/>
      <c r="D36" s="15"/>
      <c r="E36" s="15"/>
      <c r="F36" s="15"/>
      <c r="G36" s="15"/>
      <c r="H36" s="16"/>
      <c r="I36" s="286" t="s">
        <v>196</v>
      </c>
      <c r="J36" s="286"/>
      <c r="K36" s="286"/>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34</v>
      </c>
      <c r="M41" s="223" t="s">
        <v>438</v>
      </c>
    </row>
    <row r="42" spans="1:22" s="17" customFormat="1" ht="34.5" customHeight="1" x14ac:dyDescent="0.15">
      <c r="A42" s="189" t="s">
        <v>269</v>
      </c>
      <c r="B42" s="13"/>
      <c r="C42" s="15"/>
      <c r="D42" s="15"/>
      <c r="E42" s="15"/>
      <c r="F42" s="15"/>
      <c r="G42" s="15"/>
      <c r="H42" s="16"/>
      <c r="I42" s="277" t="s">
        <v>5</v>
      </c>
      <c r="J42" s="278"/>
      <c r="K42" s="279"/>
      <c r="L42" s="20"/>
      <c r="M42" s="20"/>
    </row>
    <row r="43" spans="1:22" s="17" customFormat="1" ht="34.5" customHeight="1" x14ac:dyDescent="0.15">
      <c r="A43" s="189" t="s">
        <v>269</v>
      </c>
      <c r="B43" s="19"/>
      <c r="C43" s="15"/>
      <c r="D43" s="15"/>
      <c r="E43" s="15"/>
      <c r="F43" s="15"/>
      <c r="G43" s="15"/>
      <c r="H43" s="16"/>
      <c r="I43" s="277" t="s">
        <v>6</v>
      </c>
      <c r="J43" s="278"/>
      <c r="K43" s="279"/>
      <c r="L43" s="20"/>
      <c r="M43" s="20"/>
    </row>
    <row r="44" spans="1:22" s="17" customFormat="1" ht="34.5" customHeight="1" x14ac:dyDescent="0.15">
      <c r="A44" s="189" t="s">
        <v>269</v>
      </c>
      <c r="B44" s="19"/>
      <c r="C44" s="15"/>
      <c r="D44" s="15"/>
      <c r="E44" s="15"/>
      <c r="F44" s="15"/>
      <c r="G44" s="15"/>
      <c r="H44" s="16"/>
      <c r="I44" s="277" t="s">
        <v>7</v>
      </c>
      <c r="J44" s="278"/>
      <c r="K44" s="279"/>
      <c r="L44" s="204"/>
      <c r="M44" s="204"/>
    </row>
    <row r="45" spans="1:22" s="17" customFormat="1" ht="34.5" customHeight="1" x14ac:dyDescent="0.15">
      <c r="A45" s="189" t="s">
        <v>269</v>
      </c>
      <c r="B45" s="13"/>
      <c r="C45" s="15"/>
      <c r="D45" s="15"/>
      <c r="E45" s="15"/>
      <c r="F45" s="15"/>
      <c r="G45" s="15"/>
      <c r="H45" s="16"/>
      <c r="I45" s="277" t="s">
        <v>8</v>
      </c>
      <c r="J45" s="278"/>
      <c r="K45" s="279"/>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287" t="s">
        <v>253</v>
      </c>
      <c r="J50" s="288"/>
      <c r="K50" s="289"/>
      <c r="L50" s="218" t="s">
        <v>434</v>
      </c>
      <c r="M50" s="223" t="s">
        <v>438</v>
      </c>
    </row>
    <row r="51" spans="1:13" s="17" customFormat="1" ht="34.5" customHeight="1" x14ac:dyDescent="0.15">
      <c r="A51" s="219" t="s">
        <v>271</v>
      </c>
      <c r="B51" s="13"/>
      <c r="C51" s="15"/>
      <c r="D51" s="15"/>
      <c r="E51" s="15"/>
      <c r="F51" s="15"/>
      <c r="G51" s="15"/>
      <c r="H51" s="16"/>
      <c r="I51" s="283" t="s">
        <v>0</v>
      </c>
      <c r="J51" s="284"/>
      <c r="K51" s="285"/>
      <c r="L51" s="20"/>
      <c r="M51" s="20"/>
    </row>
    <row r="52" spans="1:13" s="17" customFormat="1" ht="34.5" customHeight="1" x14ac:dyDescent="0.15">
      <c r="A52" s="219" t="s">
        <v>271</v>
      </c>
      <c r="B52" s="19"/>
      <c r="C52" s="15"/>
      <c r="D52" s="15"/>
      <c r="E52" s="15"/>
      <c r="F52" s="15"/>
      <c r="G52" s="15"/>
      <c r="H52" s="16"/>
      <c r="I52" s="283" t="s">
        <v>1</v>
      </c>
      <c r="J52" s="284"/>
      <c r="K52" s="285"/>
      <c r="L52" s="20"/>
      <c r="M52" s="20"/>
    </row>
    <row r="53" spans="1:13" s="17" customFormat="1" ht="34.5" customHeight="1" x14ac:dyDescent="0.15">
      <c r="A53" s="219" t="s">
        <v>271</v>
      </c>
      <c r="B53" s="19"/>
      <c r="C53" s="15"/>
      <c r="D53" s="15"/>
      <c r="E53" s="15"/>
      <c r="F53" s="15"/>
      <c r="G53" s="15"/>
      <c r="H53" s="16"/>
      <c r="I53" s="283" t="s">
        <v>2</v>
      </c>
      <c r="J53" s="284"/>
      <c r="K53" s="285"/>
      <c r="L53" s="22"/>
      <c r="M53" s="22"/>
    </row>
    <row r="54" spans="1:13" s="17" customFormat="1" ht="34.5" customHeight="1" x14ac:dyDescent="0.15">
      <c r="A54" s="219" t="s">
        <v>271</v>
      </c>
      <c r="B54" s="13"/>
      <c r="C54" s="15"/>
      <c r="D54" s="15"/>
      <c r="E54" s="15"/>
      <c r="F54" s="15"/>
      <c r="G54" s="15"/>
      <c r="H54" s="16"/>
      <c r="I54" s="283" t="s">
        <v>3</v>
      </c>
      <c r="J54" s="284"/>
      <c r="K54" s="285"/>
      <c r="L54" s="21"/>
      <c r="M54" s="21"/>
    </row>
    <row r="55" spans="1:13" s="17" customFormat="1" ht="34.5" customHeight="1" x14ac:dyDescent="0.15">
      <c r="A55" s="219" t="s">
        <v>271</v>
      </c>
      <c r="B55" s="13"/>
      <c r="C55" s="15"/>
      <c r="D55" s="15"/>
      <c r="E55" s="15"/>
      <c r="F55" s="15"/>
      <c r="G55" s="15"/>
      <c r="H55" s="16"/>
      <c r="I55" s="283" t="s">
        <v>198</v>
      </c>
      <c r="J55" s="284"/>
      <c r="K55" s="285"/>
      <c r="L55" s="22"/>
      <c r="M55" s="22"/>
    </row>
    <row r="56" spans="1:13" s="17" customFormat="1" ht="34.5" customHeight="1" x14ac:dyDescent="0.15">
      <c r="A56" s="219" t="s">
        <v>271</v>
      </c>
      <c r="B56" s="13"/>
      <c r="C56" s="15"/>
      <c r="D56" s="15"/>
      <c r="E56" s="15"/>
      <c r="F56" s="15"/>
      <c r="G56" s="15"/>
      <c r="H56" s="16"/>
      <c r="I56" s="283" t="s">
        <v>197</v>
      </c>
      <c r="J56" s="284"/>
      <c r="K56" s="285"/>
      <c r="L56" s="22"/>
      <c r="M56" s="22"/>
    </row>
    <row r="57" spans="1:13" s="25" customFormat="1" ht="34.5" customHeight="1" x14ac:dyDescent="0.15">
      <c r="A57" s="219" t="s">
        <v>271</v>
      </c>
      <c r="B57" s="13"/>
      <c r="C57" s="15"/>
      <c r="D57" s="15"/>
      <c r="E57" s="15"/>
      <c r="F57" s="15"/>
      <c r="G57" s="15"/>
      <c r="H57" s="16"/>
      <c r="I57" s="283" t="s">
        <v>4</v>
      </c>
      <c r="J57" s="284"/>
      <c r="K57" s="285"/>
      <c r="L57" s="22"/>
      <c r="M57" s="22"/>
    </row>
    <row r="58" spans="1:13" s="17" customFormat="1" ht="34.5" customHeight="1" x14ac:dyDescent="0.15">
      <c r="A58" s="219" t="s">
        <v>271</v>
      </c>
      <c r="B58" s="13"/>
      <c r="C58" s="15"/>
      <c r="D58" s="15"/>
      <c r="E58" s="15"/>
      <c r="F58" s="15"/>
      <c r="G58" s="15"/>
      <c r="H58" s="16"/>
      <c r="I58" s="286" t="s">
        <v>196</v>
      </c>
      <c r="J58" s="286"/>
      <c r="K58" s="286"/>
      <c r="L58" s="22" t="s">
        <v>420</v>
      </c>
      <c r="M58" s="22" t="s">
        <v>420</v>
      </c>
    </row>
    <row r="59" spans="1:13" s="17" customFormat="1" ht="34.5" customHeight="1" x14ac:dyDescent="0.15">
      <c r="A59" s="219" t="s">
        <v>271</v>
      </c>
      <c r="B59" s="13"/>
      <c r="C59" s="15"/>
      <c r="D59" s="15"/>
      <c r="E59" s="15"/>
      <c r="F59" s="15"/>
      <c r="G59" s="15"/>
      <c r="H59" s="16"/>
      <c r="I59" s="286" t="s">
        <v>245</v>
      </c>
      <c r="J59" s="286"/>
      <c r="K59" s="286"/>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374" t="s">
        <v>190</v>
      </c>
      <c r="E66" s="374"/>
      <c r="F66" s="374"/>
      <c r="G66" s="374"/>
      <c r="H66" s="374"/>
      <c r="I66" s="374"/>
      <c r="J66" s="374"/>
      <c r="K66" s="374"/>
      <c r="L66" s="374"/>
      <c r="M66" s="31"/>
    </row>
    <row r="67" spans="1:13" s="17" customFormat="1" ht="34.5" customHeight="1" x14ac:dyDescent="0.15">
      <c r="A67" s="188"/>
      <c r="B67" s="1"/>
      <c r="C67" s="33"/>
      <c r="D67" s="373" t="s">
        <v>10</v>
      </c>
      <c r="E67" s="373"/>
      <c r="F67" s="373"/>
      <c r="G67" s="373"/>
      <c r="H67" s="373"/>
      <c r="I67" s="373"/>
      <c r="J67" s="373"/>
      <c r="K67" s="373"/>
      <c r="L67" s="373"/>
      <c r="M67" s="31"/>
    </row>
    <row r="68" spans="1:13" s="17" customFormat="1" ht="34.5" customHeight="1" x14ac:dyDescent="0.15">
      <c r="A68" s="188"/>
      <c r="B68" s="1"/>
      <c r="C68" s="33"/>
      <c r="D68" s="373" t="s">
        <v>11</v>
      </c>
      <c r="E68" s="373"/>
      <c r="F68" s="373"/>
      <c r="G68" s="373"/>
      <c r="H68" s="373"/>
      <c r="I68" s="373"/>
      <c r="J68" s="373"/>
      <c r="K68" s="373"/>
      <c r="L68" s="373"/>
      <c r="M68" s="31"/>
    </row>
    <row r="69" spans="1:13" s="17" customFormat="1" ht="34.5" customHeight="1" x14ac:dyDescent="0.15">
      <c r="A69" s="188"/>
      <c r="B69" s="1"/>
      <c r="C69" s="33"/>
      <c r="D69" s="373" t="s">
        <v>12</v>
      </c>
      <c r="E69" s="373"/>
      <c r="F69" s="373"/>
      <c r="G69" s="373"/>
      <c r="H69" s="373"/>
      <c r="I69" s="373"/>
      <c r="J69" s="373"/>
      <c r="K69" s="373"/>
      <c r="L69" s="373"/>
      <c r="M69" s="31"/>
    </row>
    <row r="70" spans="1:13" s="17" customFormat="1" ht="34.5" customHeight="1" x14ac:dyDescent="0.15">
      <c r="A70" s="188"/>
      <c r="B70" s="1"/>
      <c r="C70" s="33"/>
      <c r="D70" s="373" t="s">
        <v>13</v>
      </c>
      <c r="E70" s="373"/>
      <c r="F70" s="373"/>
      <c r="G70" s="373"/>
      <c r="H70" s="373"/>
      <c r="I70" s="373"/>
      <c r="J70" s="373"/>
      <c r="K70" s="373"/>
      <c r="L70" s="373"/>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364" t="s">
        <v>14</v>
      </c>
      <c r="D77" s="364"/>
      <c r="E77" s="364"/>
      <c r="F77" s="364"/>
      <c r="G77" s="364"/>
      <c r="H77" s="364" t="s">
        <v>133</v>
      </c>
      <c r="I77" s="364"/>
      <c r="J77" s="364" t="s">
        <v>263</v>
      </c>
      <c r="K77" s="364"/>
      <c r="L77" s="364"/>
      <c r="M77" s="41"/>
    </row>
    <row r="78" spans="1:13" s="17" customFormat="1" x14ac:dyDescent="0.15">
      <c r="A78" s="188"/>
      <c r="B78" s="1"/>
      <c r="C78" s="364" t="s">
        <v>16</v>
      </c>
      <c r="D78" s="364"/>
      <c r="E78" s="364"/>
      <c r="F78" s="364"/>
      <c r="G78" s="364"/>
      <c r="H78" s="364" t="s">
        <v>243</v>
      </c>
      <c r="I78" s="364"/>
      <c r="J78" s="364" t="s">
        <v>244</v>
      </c>
      <c r="K78" s="364"/>
      <c r="L78" s="364"/>
      <c r="M78" s="29"/>
    </row>
    <row r="79" spans="1:13" s="17" customFormat="1" x14ac:dyDescent="0.15">
      <c r="A79" s="188"/>
      <c r="B79" s="1"/>
      <c r="C79" s="364" t="s">
        <v>18</v>
      </c>
      <c r="D79" s="364"/>
      <c r="E79" s="364"/>
      <c r="F79" s="364"/>
      <c r="G79" s="364"/>
      <c r="H79" s="364" t="s">
        <v>134</v>
      </c>
      <c r="I79" s="364"/>
      <c r="J79" s="364" t="s">
        <v>170</v>
      </c>
      <c r="K79" s="364"/>
      <c r="L79" s="364"/>
      <c r="M79" s="41"/>
    </row>
    <row r="80" spans="1:13" s="17" customFormat="1" x14ac:dyDescent="0.15">
      <c r="A80" s="188"/>
      <c r="B80" s="1"/>
      <c r="C80" s="364" t="s">
        <v>20</v>
      </c>
      <c r="D80" s="364"/>
      <c r="E80" s="364"/>
      <c r="F80" s="364"/>
      <c r="G80" s="364"/>
      <c r="H80" s="364" t="s">
        <v>135</v>
      </c>
      <c r="I80" s="364"/>
      <c r="J80" s="364" t="s">
        <v>169</v>
      </c>
      <c r="K80" s="364"/>
      <c r="L80" s="364"/>
      <c r="M80" s="29"/>
    </row>
    <row r="81" spans="1:13" s="17" customFormat="1" x14ac:dyDescent="0.15">
      <c r="A81" s="188"/>
      <c r="B81" s="1"/>
      <c r="C81" s="364" t="s">
        <v>23</v>
      </c>
      <c r="D81" s="364"/>
      <c r="E81" s="364"/>
      <c r="F81" s="364"/>
      <c r="G81" s="364"/>
      <c r="H81" s="239"/>
      <c r="I81" s="239"/>
      <c r="M81" s="29"/>
    </row>
    <row r="82" spans="1:13" s="17" customFormat="1" x14ac:dyDescent="0.15">
      <c r="A82" s="188"/>
      <c r="C82" s="364" t="s">
        <v>25</v>
      </c>
      <c r="D82" s="364"/>
      <c r="E82" s="364"/>
      <c r="F82" s="364"/>
      <c r="G82" s="364"/>
      <c r="J82" s="257"/>
      <c r="K82" s="257"/>
      <c r="L82" s="257"/>
      <c r="M82" s="7"/>
    </row>
    <row r="83" spans="1:13" s="17" customFormat="1" x14ac:dyDescent="0.15">
      <c r="A83" s="188"/>
      <c r="B83" s="1"/>
      <c r="C83" s="364" t="s">
        <v>15</v>
      </c>
      <c r="D83" s="364"/>
      <c r="E83" s="364"/>
      <c r="F83" s="364"/>
      <c r="H83"/>
      <c r="I83"/>
      <c r="M83" s="5"/>
    </row>
    <row r="84" spans="1:13" s="17" customFormat="1" x14ac:dyDescent="0.15">
      <c r="A84" s="188"/>
      <c r="B84" s="1"/>
      <c r="C84" s="364" t="s">
        <v>17</v>
      </c>
      <c r="D84" s="364"/>
      <c r="E84" s="364"/>
      <c r="F84" s="364"/>
      <c r="H84" s="239"/>
      <c r="I84" s="239"/>
      <c r="J84" s="257"/>
      <c r="K84" s="257"/>
      <c r="L84" s="257"/>
      <c r="M84" s="5"/>
    </row>
    <row r="85" spans="1:13" s="17" customFormat="1" x14ac:dyDescent="0.15">
      <c r="A85" s="188"/>
      <c r="B85" s="1"/>
      <c r="C85" s="364" t="s">
        <v>19</v>
      </c>
      <c r="D85" s="364"/>
      <c r="E85" s="364"/>
      <c r="F85" s="364"/>
      <c r="G85" s="239"/>
      <c r="H85" s="239"/>
      <c r="I85" s="239"/>
      <c r="J85" s="257"/>
      <c r="K85" s="257"/>
      <c r="L85" s="257"/>
      <c r="M85" s="5"/>
    </row>
    <row r="86" spans="1:13" s="17" customFormat="1" x14ac:dyDescent="0.15">
      <c r="A86" s="188"/>
      <c r="B86" s="1"/>
      <c r="C86" s="364" t="s">
        <v>21</v>
      </c>
      <c r="D86" s="364"/>
      <c r="E86" s="364"/>
      <c r="F86" s="364"/>
      <c r="G86" s="239"/>
      <c r="H86" s="239"/>
      <c r="I86" s="239"/>
      <c r="J86" s="257"/>
      <c r="K86" s="257"/>
      <c r="L86" s="257"/>
      <c r="M86" s="5"/>
    </row>
    <row r="87" spans="1:13" s="17" customFormat="1" x14ac:dyDescent="0.15">
      <c r="A87" s="188"/>
      <c r="B87" s="1"/>
      <c r="C87" s="364" t="s">
        <v>22</v>
      </c>
      <c r="D87" s="364"/>
      <c r="E87" s="364"/>
      <c r="F87" s="364"/>
      <c r="G87" s="239"/>
      <c r="H87" s="239"/>
      <c r="I87" s="239"/>
      <c r="J87" s="43"/>
      <c r="K87" s="44"/>
      <c r="L87" s="5"/>
      <c r="M87" s="5"/>
    </row>
    <row r="88" spans="1:13" s="17" customFormat="1" x14ac:dyDescent="0.15">
      <c r="A88" s="188"/>
      <c r="B88" s="1"/>
      <c r="C88" s="364" t="s">
        <v>24</v>
      </c>
      <c r="D88" s="364"/>
      <c r="E88" s="364"/>
      <c r="F88" s="364"/>
      <c r="G88" s="364"/>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ht="27" x14ac:dyDescent="0.15">
      <c r="A95" s="188"/>
      <c r="B95" s="14"/>
      <c r="C95" s="52"/>
      <c r="D95" s="3"/>
      <c r="E95" s="3"/>
      <c r="F95" s="3"/>
      <c r="G95" s="3"/>
      <c r="H95" s="228"/>
      <c r="I95" s="228"/>
      <c r="J95" s="54" t="s">
        <v>27</v>
      </c>
      <c r="K95" s="55"/>
      <c r="L95" s="205" t="s">
        <v>434</v>
      </c>
      <c r="M95" s="205" t="s">
        <v>438</v>
      </c>
    </row>
    <row r="96" spans="1:13" s="17" customFormat="1" x14ac:dyDescent="0.15">
      <c r="A96" s="188"/>
      <c r="B96" s="1"/>
      <c r="C96" s="3"/>
      <c r="D96" s="3"/>
      <c r="E96" s="3"/>
      <c r="F96" s="3"/>
      <c r="G96" s="3"/>
      <c r="H96" s="228"/>
      <c r="I96" s="57" t="s">
        <v>28</v>
      </c>
      <c r="J96" s="58"/>
      <c r="K96" s="59"/>
      <c r="L96" s="205" t="s">
        <v>435</v>
      </c>
      <c r="M96" s="205" t="s">
        <v>439</v>
      </c>
    </row>
    <row r="97" spans="1:22" s="17" customFormat="1" ht="54" customHeight="1" x14ac:dyDescent="0.15">
      <c r="A97" s="189" t="s">
        <v>272</v>
      </c>
      <c r="B97" s="1"/>
      <c r="C97" s="292" t="s">
        <v>29</v>
      </c>
      <c r="D97" s="293"/>
      <c r="E97" s="293"/>
      <c r="F97" s="293"/>
      <c r="G97" s="293"/>
      <c r="H97" s="294"/>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4</v>
      </c>
      <c r="M103" s="56" t="s">
        <v>438</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5</v>
      </c>
      <c r="M104" s="60" t="s">
        <v>439</v>
      </c>
      <c r="N104" s="8"/>
      <c r="O104" s="8"/>
      <c r="P104" s="8"/>
      <c r="Q104" s="8"/>
      <c r="R104" s="8"/>
      <c r="S104" s="8"/>
      <c r="T104" s="8"/>
      <c r="U104" s="8"/>
      <c r="V104" s="8"/>
    </row>
    <row r="105" spans="1:22" s="70" customFormat="1" ht="34.5" customHeight="1" x14ac:dyDescent="0.15">
      <c r="A105" s="189" t="s">
        <v>273</v>
      </c>
      <c r="B105" s="1"/>
      <c r="C105" s="300" t="s">
        <v>33</v>
      </c>
      <c r="D105" s="302"/>
      <c r="E105" s="366" t="s">
        <v>34</v>
      </c>
      <c r="F105" s="367"/>
      <c r="G105" s="367"/>
      <c r="H105" s="368"/>
      <c r="I105" s="353" t="s">
        <v>274</v>
      </c>
      <c r="J105" s="199">
        <f t="shared" ref="J105:J117" si="0">IF(SUM(L105:M105)=0,IF(COUNTIF(L105:M105,"未確認")&gt;0,"未確認",IF(COUNTIF(L105:M105,"~*")&gt;0,"*",SUM(L105:M105))),SUM(L105:M105))</f>
        <v>61</v>
      </c>
      <c r="K105" s="182" t="str">
        <f>IF(OR(COUNTIF(L105:M105,"未確認")&gt;0,COUNTIF(L105:M105,"~*")&gt;0),"※","")</f>
        <v/>
      </c>
      <c r="L105" s="201">
        <v>61</v>
      </c>
      <c r="M105" s="201">
        <v>0</v>
      </c>
    </row>
    <row r="106" spans="1:22" s="70" customFormat="1" ht="34.5" customHeight="1" x14ac:dyDescent="0.15">
      <c r="A106" s="189" t="s">
        <v>275</v>
      </c>
      <c r="B106" s="71"/>
      <c r="C106" s="336"/>
      <c r="D106" s="337"/>
      <c r="E106" s="356"/>
      <c r="F106" s="357"/>
      <c r="G106" s="358" t="s">
        <v>35</v>
      </c>
      <c r="H106" s="359"/>
      <c r="I106" s="354"/>
      <c r="J106" s="199">
        <f t="shared" si="0"/>
        <v>0</v>
      </c>
      <c r="K106" s="182" t="str">
        <f>IF(OR(COUNTIF(L106:M106,"未確認")&gt;0,COUNTIF(L106:M106,"~*")&gt;0),"※","")</f>
        <v/>
      </c>
      <c r="L106" s="201">
        <v>0</v>
      </c>
      <c r="M106" s="201">
        <v>0</v>
      </c>
    </row>
    <row r="107" spans="1:22" s="70" customFormat="1" ht="34.5" customHeight="1" x14ac:dyDescent="0.15">
      <c r="A107" s="189" t="s">
        <v>273</v>
      </c>
      <c r="B107" s="71"/>
      <c r="C107" s="336"/>
      <c r="D107" s="337"/>
      <c r="E107" s="292" t="s">
        <v>36</v>
      </c>
      <c r="F107" s="293"/>
      <c r="G107" s="293"/>
      <c r="H107" s="294"/>
      <c r="I107" s="354"/>
      <c r="J107" s="199">
        <f t="shared" si="0"/>
        <v>61</v>
      </c>
      <c r="K107" s="182" t="str">
        <f>IF(OR(COUNTIF(L107:M107,"未確認")&gt;0,COUNTIF(L107:M107,"~*")&gt;0),"※","")</f>
        <v/>
      </c>
      <c r="L107" s="201">
        <v>61</v>
      </c>
      <c r="M107" s="201">
        <v>0</v>
      </c>
    </row>
    <row r="108" spans="1:22" s="70" customFormat="1" ht="34.5" customHeight="1" x14ac:dyDescent="0.15">
      <c r="A108" s="189" t="s">
        <v>273</v>
      </c>
      <c r="B108" s="71"/>
      <c r="C108" s="314"/>
      <c r="D108" s="316"/>
      <c r="E108" s="261" t="s">
        <v>201</v>
      </c>
      <c r="F108" s="262"/>
      <c r="G108" s="262"/>
      <c r="H108" s="263"/>
      <c r="I108" s="354"/>
      <c r="J108" s="199">
        <f t="shared" si="0"/>
        <v>61</v>
      </c>
      <c r="K108" s="182" t="str">
        <f t="shared" ref="K108:K117" si="1">IF(OR(COUNTIF(L107:M107,"未確認")&gt;0,COUNTIF(L107:M107,"~*")&gt;0),"※","")</f>
        <v/>
      </c>
      <c r="L108" s="201">
        <v>61</v>
      </c>
      <c r="M108" s="201">
        <v>0</v>
      </c>
    </row>
    <row r="109" spans="1:22" s="70" customFormat="1" ht="34.5" customHeight="1" x14ac:dyDescent="0.15">
      <c r="A109" s="189" t="s">
        <v>276</v>
      </c>
      <c r="B109" s="71"/>
      <c r="C109" s="300" t="s">
        <v>37</v>
      </c>
      <c r="D109" s="302"/>
      <c r="E109" s="300" t="s">
        <v>34</v>
      </c>
      <c r="F109" s="301"/>
      <c r="G109" s="301"/>
      <c r="H109" s="302"/>
      <c r="I109" s="354"/>
      <c r="J109" s="199">
        <f t="shared" si="0"/>
        <v>55</v>
      </c>
      <c r="K109" s="182" t="str">
        <f t="shared" si="1"/>
        <v/>
      </c>
      <c r="L109" s="201">
        <v>0</v>
      </c>
      <c r="M109" s="201">
        <v>55</v>
      </c>
    </row>
    <row r="110" spans="1:22" s="70" customFormat="1" ht="34.5" customHeight="1" x14ac:dyDescent="0.15">
      <c r="A110" s="189" t="s">
        <v>277</v>
      </c>
      <c r="B110" s="71"/>
      <c r="C110" s="336"/>
      <c r="D110" s="337"/>
      <c r="E110" s="369"/>
      <c r="F110" s="370"/>
      <c r="G110" s="292" t="s">
        <v>38</v>
      </c>
      <c r="H110" s="294"/>
      <c r="I110" s="354"/>
      <c r="J110" s="199">
        <f t="shared" si="0"/>
        <v>55</v>
      </c>
      <c r="K110" s="182" t="str">
        <f t="shared" si="1"/>
        <v/>
      </c>
      <c r="L110" s="201">
        <v>0</v>
      </c>
      <c r="M110" s="201">
        <v>55</v>
      </c>
    </row>
    <row r="111" spans="1:22" s="70" customFormat="1" ht="34.5" customHeight="1" x14ac:dyDescent="0.15">
      <c r="A111" s="189" t="s">
        <v>278</v>
      </c>
      <c r="B111" s="71"/>
      <c r="C111" s="336"/>
      <c r="D111" s="337"/>
      <c r="E111" s="369"/>
      <c r="F111" s="357"/>
      <c r="G111" s="292" t="s">
        <v>39</v>
      </c>
      <c r="H111" s="294"/>
      <c r="I111" s="354"/>
      <c r="J111" s="199">
        <f t="shared" si="0"/>
        <v>0</v>
      </c>
      <c r="K111" s="182" t="str">
        <f t="shared" si="1"/>
        <v/>
      </c>
      <c r="L111" s="201">
        <v>0</v>
      </c>
      <c r="M111" s="201">
        <v>0</v>
      </c>
    </row>
    <row r="112" spans="1:22" s="70" customFormat="1" ht="34.5" customHeight="1" x14ac:dyDescent="0.15">
      <c r="A112" s="189" t="s">
        <v>276</v>
      </c>
      <c r="B112" s="71"/>
      <c r="C112" s="336"/>
      <c r="D112" s="337"/>
      <c r="E112" s="300" t="s">
        <v>36</v>
      </c>
      <c r="F112" s="301"/>
      <c r="G112" s="301"/>
      <c r="H112" s="302"/>
      <c r="I112" s="354"/>
      <c r="J112" s="199">
        <f t="shared" si="0"/>
        <v>55</v>
      </c>
      <c r="K112" s="182" t="str">
        <f t="shared" si="1"/>
        <v/>
      </c>
      <c r="L112" s="201">
        <v>0</v>
      </c>
      <c r="M112" s="201">
        <v>55</v>
      </c>
    </row>
    <row r="113" spans="1:22" s="70" customFormat="1" ht="34.5" customHeight="1" x14ac:dyDescent="0.15">
      <c r="A113" s="189" t="s">
        <v>277</v>
      </c>
      <c r="B113" s="71"/>
      <c r="C113" s="336"/>
      <c r="D113" s="337"/>
      <c r="E113" s="369"/>
      <c r="F113" s="370"/>
      <c r="G113" s="292" t="s">
        <v>38</v>
      </c>
      <c r="H113" s="294"/>
      <c r="I113" s="354"/>
      <c r="J113" s="199">
        <f t="shared" si="0"/>
        <v>55</v>
      </c>
      <c r="K113" s="182" t="str">
        <f t="shared" si="1"/>
        <v/>
      </c>
      <c r="L113" s="201">
        <v>0</v>
      </c>
      <c r="M113" s="201">
        <v>55</v>
      </c>
    </row>
    <row r="114" spans="1:22" s="70" customFormat="1" ht="34.5" customHeight="1" x14ac:dyDescent="0.15">
      <c r="A114" s="189" t="s">
        <v>278</v>
      </c>
      <c r="B114" s="71"/>
      <c r="C114" s="336"/>
      <c r="D114" s="337"/>
      <c r="E114" s="356"/>
      <c r="F114" s="357"/>
      <c r="G114" s="292" t="s">
        <v>39</v>
      </c>
      <c r="H114" s="294"/>
      <c r="I114" s="354"/>
      <c r="J114" s="199">
        <f t="shared" si="0"/>
        <v>0</v>
      </c>
      <c r="K114" s="182" t="str">
        <f t="shared" si="1"/>
        <v/>
      </c>
      <c r="L114" s="201">
        <v>0</v>
      </c>
      <c r="M114" s="201">
        <v>0</v>
      </c>
    </row>
    <row r="115" spans="1:22" s="70" customFormat="1" ht="34.5" customHeight="1" x14ac:dyDescent="0.15">
      <c r="A115" s="189" t="s">
        <v>276</v>
      </c>
      <c r="B115" s="71"/>
      <c r="C115" s="336"/>
      <c r="D115" s="337"/>
      <c r="E115" s="264" t="s">
        <v>201</v>
      </c>
      <c r="F115" s="265"/>
      <c r="G115" s="265"/>
      <c r="H115" s="266"/>
      <c r="I115" s="354"/>
      <c r="J115" s="199">
        <f t="shared" si="0"/>
        <v>55</v>
      </c>
      <c r="K115" s="182" t="str">
        <f t="shared" si="1"/>
        <v/>
      </c>
      <c r="L115" s="201">
        <v>0</v>
      </c>
      <c r="M115" s="201">
        <v>55</v>
      </c>
    </row>
    <row r="116" spans="1:22" s="70" customFormat="1" ht="34.5" customHeight="1" x14ac:dyDescent="0.15">
      <c r="A116" s="189" t="s">
        <v>277</v>
      </c>
      <c r="B116" s="71"/>
      <c r="C116" s="336"/>
      <c r="D116" s="337"/>
      <c r="E116" s="371"/>
      <c r="F116" s="372"/>
      <c r="G116" s="261" t="s">
        <v>38</v>
      </c>
      <c r="H116" s="263"/>
      <c r="I116" s="354"/>
      <c r="J116" s="199">
        <f t="shared" si="0"/>
        <v>55</v>
      </c>
      <c r="K116" s="182" t="str">
        <f t="shared" si="1"/>
        <v/>
      </c>
      <c r="L116" s="201">
        <v>0</v>
      </c>
      <c r="M116" s="201">
        <v>55</v>
      </c>
    </row>
    <row r="117" spans="1:22" s="70" customFormat="1" ht="34.5" customHeight="1" x14ac:dyDescent="0.15">
      <c r="A117" s="189" t="s">
        <v>278</v>
      </c>
      <c r="B117" s="71"/>
      <c r="C117" s="314"/>
      <c r="D117" s="316"/>
      <c r="E117" s="360"/>
      <c r="F117" s="361"/>
      <c r="G117" s="261" t="s">
        <v>39</v>
      </c>
      <c r="H117" s="263"/>
      <c r="I117" s="354"/>
      <c r="J117" s="199">
        <f t="shared" si="0"/>
        <v>0</v>
      </c>
      <c r="K117" s="182" t="str">
        <f t="shared" si="1"/>
        <v/>
      </c>
      <c r="L117" s="201">
        <v>0</v>
      </c>
      <c r="M117" s="201">
        <v>0</v>
      </c>
    </row>
    <row r="118" spans="1:22" s="70" customFormat="1" ht="315" customHeight="1" x14ac:dyDescent="0.15">
      <c r="A118" s="189" t="s">
        <v>279</v>
      </c>
      <c r="B118" s="71"/>
      <c r="C118" s="358" t="s">
        <v>40</v>
      </c>
      <c r="D118" s="362"/>
      <c r="E118" s="362"/>
      <c r="F118" s="362"/>
      <c r="G118" s="362"/>
      <c r="H118" s="359"/>
      <c r="I118" s="35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4</v>
      </c>
      <c r="M125" s="60" t="s">
        <v>438</v>
      </c>
      <c r="N125" s="8"/>
      <c r="O125" s="8"/>
      <c r="P125" s="8"/>
      <c r="Q125" s="8"/>
      <c r="R125" s="8"/>
      <c r="S125" s="8"/>
      <c r="T125" s="8"/>
      <c r="U125" s="8"/>
      <c r="V125" s="8"/>
    </row>
    <row r="126" spans="1:22" s="70" customFormat="1" ht="40.5" customHeight="1" x14ac:dyDescent="0.15">
      <c r="A126" s="189" t="s">
        <v>280</v>
      </c>
      <c r="B126" s="1"/>
      <c r="C126" s="300" t="s">
        <v>42</v>
      </c>
      <c r="D126" s="301"/>
      <c r="E126" s="301"/>
      <c r="F126" s="301"/>
      <c r="G126" s="301"/>
      <c r="H126" s="302"/>
      <c r="I126" s="269" t="s">
        <v>281</v>
      </c>
      <c r="J126" s="81"/>
      <c r="K126" s="82"/>
      <c r="L126" s="202" t="s">
        <v>422</v>
      </c>
      <c r="M126" s="83" t="s">
        <v>422</v>
      </c>
    </row>
    <row r="127" spans="1:22" s="70" customFormat="1" ht="40.5" customHeight="1" x14ac:dyDescent="0.15">
      <c r="A127" s="189" t="s">
        <v>282</v>
      </c>
      <c r="B127" s="1"/>
      <c r="C127" s="236"/>
      <c r="D127" s="238"/>
      <c r="E127" s="300" t="s">
        <v>283</v>
      </c>
      <c r="F127" s="301"/>
      <c r="G127" s="301"/>
      <c r="H127" s="302"/>
      <c r="I127" s="335"/>
      <c r="J127" s="84"/>
      <c r="K127" s="85"/>
      <c r="L127" s="83" t="s">
        <v>423</v>
      </c>
      <c r="M127" s="83" t="s">
        <v>424</v>
      </c>
    </row>
    <row r="128" spans="1:22" s="70" customFormat="1" ht="40.5" customHeight="1" x14ac:dyDescent="0.15">
      <c r="A128" s="189" t="s">
        <v>284</v>
      </c>
      <c r="B128" s="1"/>
      <c r="C128" s="236"/>
      <c r="D128" s="238"/>
      <c r="E128" s="336"/>
      <c r="F128" s="352"/>
      <c r="G128" s="352"/>
      <c r="H128" s="337"/>
      <c r="I128" s="335"/>
      <c r="J128" s="84"/>
      <c r="K128" s="85"/>
      <c r="L128" s="83" t="s">
        <v>424</v>
      </c>
      <c r="M128" s="83" t="s">
        <v>423</v>
      </c>
    </row>
    <row r="129" spans="1:22" s="70" customFormat="1" ht="40.5" customHeight="1" x14ac:dyDescent="0.15">
      <c r="A129" s="189" t="s">
        <v>285</v>
      </c>
      <c r="B129" s="1"/>
      <c r="C129" s="230"/>
      <c r="D129" s="231"/>
      <c r="E129" s="314"/>
      <c r="F129" s="315"/>
      <c r="G129" s="315"/>
      <c r="H129" s="316"/>
      <c r="I129" s="268"/>
      <c r="J129" s="86"/>
      <c r="K129" s="87"/>
      <c r="L129" s="83" t="s">
        <v>425</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4</v>
      </c>
      <c r="M135" s="56" t="s">
        <v>438</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5</v>
      </c>
      <c r="M136" s="60" t="s">
        <v>439</v>
      </c>
      <c r="N136" s="8"/>
      <c r="O136" s="8"/>
      <c r="P136" s="8"/>
      <c r="Q136" s="8"/>
      <c r="R136" s="8"/>
      <c r="S136" s="8"/>
      <c r="T136" s="8"/>
      <c r="U136" s="8"/>
      <c r="V136" s="8"/>
    </row>
    <row r="137" spans="1:22" s="70" customFormat="1" ht="67.5" customHeight="1" x14ac:dyDescent="0.15">
      <c r="A137" s="189" t="s">
        <v>286</v>
      </c>
      <c r="B137" s="1"/>
      <c r="C137" s="300" t="s">
        <v>44</v>
      </c>
      <c r="D137" s="301"/>
      <c r="E137" s="301"/>
      <c r="F137" s="301"/>
      <c r="G137" s="301"/>
      <c r="H137" s="302"/>
      <c r="I137" s="334" t="s">
        <v>287</v>
      </c>
      <c r="J137" s="90"/>
      <c r="K137" s="82"/>
      <c r="L137" s="202" t="s">
        <v>426</v>
      </c>
      <c r="M137" s="83" t="s">
        <v>436</v>
      </c>
    </row>
    <row r="138" spans="1:22" s="70" customFormat="1" ht="34.5" customHeight="1" x14ac:dyDescent="0.15">
      <c r="A138" s="189" t="s">
        <v>286</v>
      </c>
      <c r="B138" s="71"/>
      <c r="C138" s="236"/>
      <c r="D138" s="238"/>
      <c r="E138" s="292" t="s">
        <v>45</v>
      </c>
      <c r="F138" s="293"/>
      <c r="G138" s="293"/>
      <c r="H138" s="294"/>
      <c r="I138" s="334"/>
      <c r="J138" s="84"/>
      <c r="K138" s="85"/>
      <c r="L138" s="69">
        <v>60</v>
      </c>
      <c r="M138" s="69">
        <v>55</v>
      </c>
    </row>
    <row r="139" spans="1:22" s="70" customFormat="1" ht="67.5" customHeight="1" x14ac:dyDescent="0.15">
      <c r="A139" s="189" t="s">
        <v>288</v>
      </c>
      <c r="B139" s="71"/>
      <c r="C139" s="300" t="s">
        <v>46</v>
      </c>
      <c r="D139" s="301"/>
      <c r="E139" s="301"/>
      <c r="F139" s="301"/>
      <c r="G139" s="301"/>
      <c r="H139" s="302"/>
      <c r="I139" s="334"/>
      <c r="J139" s="84"/>
      <c r="K139" s="85"/>
      <c r="L139" s="202" t="s">
        <v>427</v>
      </c>
      <c r="M139" s="83" t="s">
        <v>188</v>
      </c>
    </row>
    <row r="140" spans="1:22" s="70" customFormat="1" ht="34.5" customHeight="1" x14ac:dyDescent="0.15">
      <c r="A140" s="189" t="s">
        <v>288</v>
      </c>
      <c r="B140" s="71"/>
      <c r="C140" s="91"/>
      <c r="D140" s="92"/>
      <c r="E140" s="292" t="s">
        <v>47</v>
      </c>
      <c r="F140" s="293"/>
      <c r="G140" s="293"/>
      <c r="H140" s="294"/>
      <c r="I140" s="334"/>
      <c r="J140" s="84"/>
      <c r="K140" s="85"/>
      <c r="L140" s="69">
        <v>37</v>
      </c>
      <c r="M140" s="69">
        <v>0</v>
      </c>
    </row>
    <row r="141" spans="1:22" s="70" customFormat="1" ht="67.5" customHeight="1" x14ac:dyDescent="0.15">
      <c r="A141" s="189" t="s">
        <v>289</v>
      </c>
      <c r="B141" s="71"/>
      <c r="C141" s="300" t="s">
        <v>46</v>
      </c>
      <c r="D141" s="301"/>
      <c r="E141" s="301"/>
      <c r="F141" s="301"/>
      <c r="G141" s="301"/>
      <c r="H141" s="302"/>
      <c r="I141" s="334"/>
      <c r="J141" s="84"/>
      <c r="K141" s="85"/>
      <c r="L141" s="202" t="s">
        <v>188</v>
      </c>
      <c r="M141" s="83" t="s">
        <v>188</v>
      </c>
    </row>
    <row r="142" spans="1:22" s="70" customFormat="1" ht="34.5" customHeight="1" x14ac:dyDescent="0.15">
      <c r="A142" s="189" t="s">
        <v>289</v>
      </c>
      <c r="B142" s="71"/>
      <c r="C142" s="93"/>
      <c r="D142" s="94"/>
      <c r="E142" s="292" t="s">
        <v>47</v>
      </c>
      <c r="F142" s="293"/>
      <c r="G142" s="293"/>
      <c r="H142" s="294"/>
      <c r="I142" s="334"/>
      <c r="J142" s="84"/>
      <c r="K142" s="85"/>
      <c r="L142" s="69">
        <v>0</v>
      </c>
      <c r="M142" s="69">
        <v>0</v>
      </c>
    </row>
    <row r="143" spans="1:22" s="70" customFormat="1" ht="34.5" customHeight="1" x14ac:dyDescent="0.15">
      <c r="A143" s="189" t="s">
        <v>290</v>
      </c>
      <c r="B143" s="71"/>
      <c r="C143" s="261" t="s">
        <v>256</v>
      </c>
      <c r="D143" s="262"/>
      <c r="E143" s="262"/>
      <c r="F143" s="262"/>
      <c r="G143" s="262"/>
      <c r="H143" s="263"/>
      <c r="I143" s="334"/>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4</v>
      </c>
      <c r="M149" s="56" t="s">
        <v>438</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5</v>
      </c>
      <c r="M150" s="60" t="s">
        <v>439</v>
      </c>
      <c r="N150" s="8"/>
      <c r="O150" s="8"/>
      <c r="P150" s="8"/>
      <c r="Q150" s="8"/>
      <c r="R150" s="8"/>
      <c r="S150" s="8"/>
      <c r="T150" s="8"/>
      <c r="U150" s="8"/>
      <c r="V150" s="8"/>
    </row>
    <row r="151" spans="1:22" s="70" customFormat="1" ht="106.5" customHeight="1" x14ac:dyDescent="0.15">
      <c r="A151" s="189" t="s">
        <v>291</v>
      </c>
      <c r="B151" s="1"/>
      <c r="C151" s="292" t="s">
        <v>48</v>
      </c>
      <c r="D151" s="293"/>
      <c r="E151" s="293"/>
      <c r="F151" s="293"/>
      <c r="G151" s="293"/>
      <c r="H151" s="294"/>
      <c r="I151" s="101" t="s">
        <v>292</v>
      </c>
      <c r="J151" s="102" t="s">
        <v>428</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4</v>
      </c>
      <c r="M157" s="56" t="s">
        <v>438</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5</v>
      </c>
      <c r="M158" s="60" t="s">
        <v>439</v>
      </c>
      <c r="N158" s="8"/>
      <c r="O158" s="8"/>
      <c r="P158" s="8"/>
      <c r="Q158" s="8"/>
      <c r="R158" s="8"/>
      <c r="S158" s="8"/>
      <c r="T158" s="8"/>
      <c r="U158" s="8"/>
      <c r="V158" s="8"/>
    </row>
    <row r="159" spans="1:22" s="70" customFormat="1" ht="34.5" customHeight="1" x14ac:dyDescent="0.15">
      <c r="A159" s="192" t="s">
        <v>293</v>
      </c>
      <c r="B159" s="99"/>
      <c r="C159" s="292" t="s">
        <v>50</v>
      </c>
      <c r="D159" s="293"/>
      <c r="E159" s="293"/>
      <c r="F159" s="293"/>
      <c r="G159" s="293"/>
      <c r="H159" s="294"/>
      <c r="I159" s="346" t="s">
        <v>51</v>
      </c>
      <c r="J159" s="203" t="s">
        <v>429</v>
      </c>
      <c r="K159" s="68"/>
      <c r="L159" s="90"/>
      <c r="M159" s="105"/>
    </row>
    <row r="160" spans="1:22" s="70" customFormat="1" ht="34.5" customHeight="1" x14ac:dyDescent="0.15">
      <c r="A160" s="192" t="s">
        <v>294</v>
      </c>
      <c r="B160" s="99"/>
      <c r="C160" s="292" t="s">
        <v>52</v>
      </c>
      <c r="D160" s="293"/>
      <c r="E160" s="293"/>
      <c r="F160" s="293"/>
      <c r="G160" s="293"/>
      <c r="H160" s="294"/>
      <c r="I160" s="347"/>
      <c r="J160" s="203" t="s">
        <v>429</v>
      </c>
      <c r="K160" s="68"/>
      <c r="L160" s="84"/>
      <c r="M160" s="106"/>
    </row>
    <row r="161" spans="1:22" s="70" customFormat="1" ht="34.5" customHeight="1" x14ac:dyDescent="0.15">
      <c r="A161" s="192" t="s">
        <v>295</v>
      </c>
      <c r="B161" s="99"/>
      <c r="C161" s="292" t="s">
        <v>53</v>
      </c>
      <c r="D161" s="293"/>
      <c r="E161" s="293"/>
      <c r="F161" s="293"/>
      <c r="G161" s="293"/>
      <c r="H161" s="294"/>
      <c r="I161" s="348"/>
      <c r="J161" s="203" t="s">
        <v>430</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4</v>
      </c>
      <c r="M167" s="56" t="s">
        <v>438</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5</v>
      </c>
      <c r="M168" s="60" t="s">
        <v>439</v>
      </c>
      <c r="N168" s="8"/>
      <c r="O168" s="8"/>
      <c r="P168" s="8"/>
      <c r="Q168" s="8"/>
      <c r="R168" s="8"/>
      <c r="S168" s="8"/>
      <c r="T168" s="8"/>
      <c r="U168" s="8"/>
      <c r="V168" s="8"/>
    </row>
    <row r="169" spans="1:22" s="70" customFormat="1" ht="56.1" customHeight="1" x14ac:dyDescent="0.15">
      <c r="A169" s="189" t="s">
        <v>296</v>
      </c>
      <c r="B169" s="99"/>
      <c r="C169" s="292" t="s">
        <v>55</v>
      </c>
      <c r="D169" s="293"/>
      <c r="E169" s="293"/>
      <c r="F169" s="293"/>
      <c r="G169" s="293"/>
      <c r="H169" s="294"/>
      <c r="I169" s="225" t="s">
        <v>56</v>
      </c>
      <c r="J169" s="203" t="s">
        <v>430</v>
      </c>
      <c r="K169" s="68"/>
      <c r="L169" s="90"/>
      <c r="M169" s="105"/>
    </row>
    <row r="170" spans="1:22" s="70" customFormat="1" ht="98.1" customHeight="1" x14ac:dyDescent="0.15">
      <c r="A170" s="189" t="s">
        <v>297</v>
      </c>
      <c r="B170" s="99"/>
      <c r="C170" s="292" t="s">
        <v>57</v>
      </c>
      <c r="D170" s="293"/>
      <c r="E170" s="293"/>
      <c r="F170" s="293"/>
      <c r="G170" s="293"/>
      <c r="H170" s="294"/>
      <c r="I170" s="108" t="s">
        <v>58</v>
      </c>
      <c r="J170" s="203" t="s">
        <v>430</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4</v>
      </c>
      <c r="M176" s="56" t="s">
        <v>438</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5</v>
      </c>
      <c r="M177" s="111" t="s">
        <v>439</v>
      </c>
      <c r="N177" s="8"/>
      <c r="O177" s="8"/>
      <c r="P177" s="8"/>
      <c r="Q177" s="8"/>
      <c r="R177" s="8"/>
      <c r="S177" s="8"/>
      <c r="T177" s="8"/>
      <c r="U177" s="8"/>
      <c r="V177" s="8"/>
    </row>
    <row r="178" spans="1:22" s="70" customFormat="1" ht="56.1" customHeight="1" x14ac:dyDescent="0.15">
      <c r="A178" s="189" t="s">
        <v>298</v>
      </c>
      <c r="B178" s="99"/>
      <c r="C178" s="292" t="s">
        <v>60</v>
      </c>
      <c r="D178" s="293"/>
      <c r="E178" s="293"/>
      <c r="F178" s="293"/>
      <c r="G178" s="293"/>
      <c r="H178" s="294"/>
      <c r="I178" s="112" t="s">
        <v>61</v>
      </c>
      <c r="J178" s="203" t="s">
        <v>431</v>
      </c>
      <c r="K178" s="68"/>
      <c r="L178" s="90"/>
      <c r="M178" s="105"/>
    </row>
    <row r="179" spans="1:22" s="70" customFormat="1" ht="56.1" customHeight="1" x14ac:dyDescent="0.15">
      <c r="A179" s="189" t="s">
        <v>299</v>
      </c>
      <c r="B179" s="99"/>
      <c r="C179" s="292" t="s">
        <v>62</v>
      </c>
      <c r="D179" s="293"/>
      <c r="E179" s="293"/>
      <c r="F179" s="293"/>
      <c r="G179" s="293"/>
      <c r="H179" s="294"/>
      <c r="I179" s="112" t="s">
        <v>63</v>
      </c>
      <c r="J179" s="203" t="s">
        <v>429</v>
      </c>
      <c r="K179" s="68"/>
      <c r="L179" s="84"/>
      <c r="M179" s="106"/>
    </row>
    <row r="180" spans="1:22" s="70" customFormat="1" ht="56.1" customHeight="1" x14ac:dyDescent="0.15">
      <c r="A180" s="189" t="s">
        <v>300</v>
      </c>
      <c r="B180" s="99"/>
      <c r="C180" s="292" t="s">
        <v>64</v>
      </c>
      <c r="D180" s="293"/>
      <c r="E180" s="293"/>
      <c r="F180" s="293"/>
      <c r="G180" s="293"/>
      <c r="H180" s="294"/>
      <c r="I180" s="112" t="s">
        <v>65</v>
      </c>
      <c r="J180" s="203" t="s">
        <v>430</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4</v>
      </c>
      <c r="M186" s="56" t="s">
        <v>438</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5</v>
      </c>
      <c r="M187" s="60" t="s">
        <v>439</v>
      </c>
      <c r="N187" s="8"/>
      <c r="O187" s="8"/>
      <c r="P187" s="8"/>
      <c r="Q187" s="8"/>
      <c r="R187" s="8"/>
      <c r="S187" s="8"/>
      <c r="T187" s="8"/>
      <c r="U187" s="8"/>
      <c r="V187" s="8"/>
    </row>
    <row r="188" spans="1:22" s="70" customFormat="1" ht="34.5" customHeight="1" x14ac:dyDescent="0.15">
      <c r="A188" s="189" t="s">
        <v>301</v>
      </c>
      <c r="B188" s="71"/>
      <c r="C188" s="326" t="s">
        <v>67</v>
      </c>
      <c r="D188" s="342"/>
      <c r="E188" s="342"/>
      <c r="F188" s="342"/>
      <c r="G188" s="326" t="s">
        <v>68</v>
      </c>
      <c r="H188" s="326"/>
      <c r="I188" s="349" t="s">
        <v>69</v>
      </c>
      <c r="J188" s="207">
        <v>8</v>
      </c>
      <c r="K188" s="68" t="str">
        <f t="shared" ref="K188:K215" si="2">IF(OR(COUNTIF(L188:M188,"未確認")&gt;0,COUNTIF(L188:M188,"~*")&gt;0),"※","")</f>
        <v/>
      </c>
      <c r="L188" s="115"/>
      <c r="M188" s="115"/>
    </row>
    <row r="189" spans="1:22" s="70" customFormat="1" ht="34.5" customHeight="1" x14ac:dyDescent="0.15">
      <c r="A189" s="189" t="s">
        <v>301</v>
      </c>
      <c r="B189" s="71"/>
      <c r="C189" s="342"/>
      <c r="D189" s="342"/>
      <c r="E189" s="342"/>
      <c r="F189" s="342"/>
      <c r="G189" s="326" t="s">
        <v>70</v>
      </c>
      <c r="H189" s="326"/>
      <c r="I189" s="350"/>
      <c r="J189" s="208">
        <v>3.3</v>
      </c>
      <c r="K189" s="68" t="str">
        <f t="shared" si="2"/>
        <v/>
      </c>
      <c r="L189" s="116"/>
      <c r="M189" s="116"/>
    </row>
    <row r="190" spans="1:22" s="70" customFormat="1" ht="34.5" customHeight="1" x14ac:dyDescent="0.15">
      <c r="A190" s="189" t="s">
        <v>302</v>
      </c>
      <c r="B190" s="71"/>
      <c r="C190" s="326" t="s">
        <v>71</v>
      </c>
      <c r="D190" s="342"/>
      <c r="E190" s="342"/>
      <c r="F190" s="342"/>
      <c r="G190" s="326" t="s">
        <v>68</v>
      </c>
      <c r="H190" s="326"/>
      <c r="I190" s="350"/>
      <c r="J190" s="207">
        <v>2</v>
      </c>
      <c r="K190" s="68" t="str">
        <f t="shared" si="2"/>
        <v/>
      </c>
      <c r="L190" s="115"/>
      <c r="M190" s="115"/>
    </row>
    <row r="191" spans="1:22" s="70" customFormat="1" ht="34.5" customHeight="1" x14ac:dyDescent="0.15">
      <c r="A191" s="189" t="s">
        <v>302</v>
      </c>
      <c r="B191" s="71"/>
      <c r="C191" s="342"/>
      <c r="D191" s="342"/>
      <c r="E191" s="342"/>
      <c r="F191" s="342"/>
      <c r="G191" s="326" t="s">
        <v>70</v>
      </c>
      <c r="H191" s="326"/>
      <c r="I191" s="350"/>
      <c r="J191" s="208">
        <v>0</v>
      </c>
      <c r="K191" s="68" t="str">
        <f t="shared" si="2"/>
        <v/>
      </c>
      <c r="L191" s="116"/>
      <c r="M191" s="116"/>
    </row>
    <row r="192" spans="1:22" s="70" customFormat="1" ht="34.5" customHeight="1" x14ac:dyDescent="0.15">
      <c r="A192" s="193" t="s">
        <v>303</v>
      </c>
      <c r="B192" s="100"/>
      <c r="C192" s="326" t="s">
        <v>72</v>
      </c>
      <c r="D192" s="326"/>
      <c r="E192" s="326"/>
      <c r="F192" s="326"/>
      <c r="G192" s="326" t="s">
        <v>68</v>
      </c>
      <c r="H192" s="326"/>
      <c r="I192" s="350"/>
      <c r="J192" s="207">
        <f t="shared" ref="J192:J207" si="3">IF(SUM(L192:M192)=0,IF(COUNTIF(L192:M192,"未確認")&gt;0,"未確認",IF(COUNTIF(L192:M192,"~*")&gt;0,"*",SUM(L192:M192))),SUM(L192:M192))</f>
        <v>32</v>
      </c>
      <c r="K192" s="68" t="str">
        <f t="shared" si="2"/>
        <v/>
      </c>
      <c r="L192" s="117">
        <v>19</v>
      </c>
      <c r="M192" s="117">
        <v>13</v>
      </c>
    </row>
    <row r="193" spans="1:13" s="70" customFormat="1" ht="34.5" customHeight="1" x14ac:dyDescent="0.15">
      <c r="A193" s="193" t="s">
        <v>303</v>
      </c>
      <c r="B193" s="100"/>
      <c r="C193" s="326"/>
      <c r="D193" s="326"/>
      <c r="E193" s="326"/>
      <c r="F193" s="326"/>
      <c r="G193" s="326" t="s">
        <v>70</v>
      </c>
      <c r="H193" s="326"/>
      <c r="I193" s="350"/>
      <c r="J193" s="207">
        <f t="shared" si="3"/>
        <v>3.3</v>
      </c>
      <c r="K193" s="68" t="str">
        <f t="shared" si="2"/>
        <v/>
      </c>
      <c r="L193" s="118">
        <v>0</v>
      </c>
      <c r="M193" s="118">
        <v>3.3</v>
      </c>
    </row>
    <row r="194" spans="1:13" s="70" customFormat="1" ht="34.5" customHeight="1" x14ac:dyDescent="0.15">
      <c r="A194" s="193" t="s">
        <v>304</v>
      </c>
      <c r="B194" s="100"/>
      <c r="C194" s="326" t="s">
        <v>73</v>
      </c>
      <c r="D194" s="327"/>
      <c r="E194" s="327"/>
      <c r="F194" s="327"/>
      <c r="G194" s="326" t="s">
        <v>68</v>
      </c>
      <c r="H194" s="326"/>
      <c r="I194" s="350"/>
      <c r="J194" s="207">
        <f t="shared" si="3"/>
        <v>0</v>
      </c>
      <c r="K194" s="68" t="str">
        <f t="shared" si="2"/>
        <v/>
      </c>
      <c r="L194" s="117">
        <v>0</v>
      </c>
      <c r="M194" s="117">
        <v>0</v>
      </c>
    </row>
    <row r="195" spans="1:13" s="70" customFormat="1" ht="34.5" customHeight="1" x14ac:dyDescent="0.15">
      <c r="A195" s="193" t="s">
        <v>304</v>
      </c>
      <c r="B195" s="100"/>
      <c r="C195" s="327"/>
      <c r="D195" s="327"/>
      <c r="E195" s="327"/>
      <c r="F195" s="327"/>
      <c r="G195" s="326" t="s">
        <v>70</v>
      </c>
      <c r="H195" s="326"/>
      <c r="I195" s="350"/>
      <c r="J195" s="207">
        <f t="shared" si="3"/>
        <v>0.1</v>
      </c>
      <c r="K195" s="68" t="str">
        <f t="shared" si="2"/>
        <v/>
      </c>
      <c r="L195" s="118">
        <v>0.1</v>
      </c>
      <c r="M195" s="118">
        <v>0</v>
      </c>
    </row>
    <row r="196" spans="1:13" s="70" customFormat="1" ht="34.5" customHeight="1" x14ac:dyDescent="0.15">
      <c r="A196" s="193" t="s">
        <v>305</v>
      </c>
      <c r="B196" s="100"/>
      <c r="C196" s="326" t="s">
        <v>74</v>
      </c>
      <c r="D196" s="327"/>
      <c r="E196" s="327"/>
      <c r="F196" s="327"/>
      <c r="G196" s="326" t="s">
        <v>68</v>
      </c>
      <c r="H196" s="326"/>
      <c r="I196" s="350"/>
      <c r="J196" s="207">
        <f t="shared" si="3"/>
        <v>13</v>
      </c>
      <c r="K196" s="68" t="str">
        <f t="shared" si="2"/>
        <v/>
      </c>
      <c r="L196" s="117">
        <v>8</v>
      </c>
      <c r="M196" s="117">
        <v>5</v>
      </c>
    </row>
    <row r="197" spans="1:13" s="70" customFormat="1" ht="34.5" customHeight="1" x14ac:dyDescent="0.15">
      <c r="A197" s="193" t="s">
        <v>305</v>
      </c>
      <c r="B197" s="100"/>
      <c r="C197" s="327"/>
      <c r="D197" s="327"/>
      <c r="E197" s="327"/>
      <c r="F197" s="327"/>
      <c r="G197" s="326" t="s">
        <v>70</v>
      </c>
      <c r="H197" s="326"/>
      <c r="I197" s="350"/>
      <c r="J197" s="207">
        <f t="shared" si="3"/>
        <v>1.8</v>
      </c>
      <c r="K197" s="68" t="str">
        <f t="shared" si="2"/>
        <v/>
      </c>
      <c r="L197" s="118">
        <v>0.9</v>
      </c>
      <c r="M197" s="118">
        <v>0.9</v>
      </c>
    </row>
    <row r="198" spans="1:13" s="70" customFormat="1" ht="34.5" customHeight="1" x14ac:dyDescent="0.15">
      <c r="A198" s="193" t="s">
        <v>306</v>
      </c>
      <c r="B198" s="100"/>
      <c r="C198" s="326" t="s">
        <v>75</v>
      </c>
      <c r="D198" s="327"/>
      <c r="E198" s="327"/>
      <c r="F198" s="327"/>
      <c r="G198" s="326" t="s">
        <v>68</v>
      </c>
      <c r="H198" s="326"/>
      <c r="I198" s="350"/>
      <c r="J198" s="207">
        <f t="shared" si="3"/>
        <v>0</v>
      </c>
      <c r="K198" s="68" t="str">
        <f t="shared" si="2"/>
        <v/>
      </c>
      <c r="L198" s="117">
        <v>0</v>
      </c>
      <c r="M198" s="117">
        <v>0</v>
      </c>
    </row>
    <row r="199" spans="1:13" s="70" customFormat="1" ht="34.5" customHeight="1" x14ac:dyDescent="0.15">
      <c r="A199" s="193" t="s">
        <v>306</v>
      </c>
      <c r="B199" s="71"/>
      <c r="C199" s="327"/>
      <c r="D199" s="327"/>
      <c r="E199" s="327"/>
      <c r="F199" s="327"/>
      <c r="G199" s="326" t="s">
        <v>70</v>
      </c>
      <c r="H199" s="326"/>
      <c r="I199" s="350"/>
      <c r="J199" s="207">
        <f t="shared" si="3"/>
        <v>0</v>
      </c>
      <c r="K199" s="68" t="str">
        <f t="shared" si="2"/>
        <v/>
      </c>
      <c r="L199" s="118">
        <v>0</v>
      </c>
      <c r="M199" s="118">
        <v>0</v>
      </c>
    </row>
    <row r="200" spans="1:13" s="70" customFormat="1" ht="34.5" customHeight="1" x14ac:dyDescent="0.15">
      <c r="A200" s="193" t="s">
        <v>307</v>
      </c>
      <c r="B200" s="71"/>
      <c r="C200" s="326" t="s">
        <v>76</v>
      </c>
      <c r="D200" s="327"/>
      <c r="E200" s="327"/>
      <c r="F200" s="327"/>
      <c r="G200" s="326" t="s">
        <v>68</v>
      </c>
      <c r="H200" s="326"/>
      <c r="I200" s="350"/>
      <c r="J200" s="207">
        <f t="shared" si="3"/>
        <v>1</v>
      </c>
      <c r="K200" s="68" t="str">
        <f t="shared" si="2"/>
        <v/>
      </c>
      <c r="L200" s="117">
        <v>1</v>
      </c>
      <c r="M200" s="117">
        <v>0</v>
      </c>
    </row>
    <row r="201" spans="1:13" s="70" customFormat="1" ht="34.5" customHeight="1" x14ac:dyDescent="0.15">
      <c r="A201" s="193" t="s">
        <v>307</v>
      </c>
      <c r="B201" s="71"/>
      <c r="C201" s="327"/>
      <c r="D201" s="327"/>
      <c r="E201" s="327"/>
      <c r="F201" s="327"/>
      <c r="G201" s="326" t="s">
        <v>70</v>
      </c>
      <c r="H201" s="326"/>
      <c r="I201" s="350"/>
      <c r="J201" s="207">
        <f t="shared" si="3"/>
        <v>0</v>
      </c>
      <c r="K201" s="68" t="str">
        <f t="shared" si="2"/>
        <v/>
      </c>
      <c r="L201" s="118">
        <v>0</v>
      </c>
      <c r="M201" s="118">
        <v>0</v>
      </c>
    </row>
    <row r="202" spans="1:13" s="70" customFormat="1" ht="34.5" customHeight="1" x14ac:dyDescent="0.15">
      <c r="A202" s="193" t="s">
        <v>308</v>
      </c>
      <c r="B202" s="71"/>
      <c r="C202" s="326" t="s">
        <v>77</v>
      </c>
      <c r="D202" s="327"/>
      <c r="E202" s="327"/>
      <c r="F202" s="327"/>
      <c r="G202" s="326" t="s">
        <v>68</v>
      </c>
      <c r="H202" s="326"/>
      <c r="I202" s="350"/>
      <c r="J202" s="207">
        <f t="shared" si="3"/>
        <v>0</v>
      </c>
      <c r="K202" s="68" t="str">
        <f t="shared" si="2"/>
        <v/>
      </c>
      <c r="L202" s="117">
        <v>0</v>
      </c>
      <c r="M202" s="117">
        <v>0</v>
      </c>
    </row>
    <row r="203" spans="1:13" s="70" customFormat="1" ht="34.5" customHeight="1" x14ac:dyDescent="0.15">
      <c r="A203" s="193" t="s">
        <v>308</v>
      </c>
      <c r="B203" s="71"/>
      <c r="C203" s="327"/>
      <c r="D203" s="327"/>
      <c r="E203" s="327"/>
      <c r="F203" s="327"/>
      <c r="G203" s="326" t="s">
        <v>70</v>
      </c>
      <c r="H203" s="326"/>
      <c r="I203" s="350"/>
      <c r="J203" s="207">
        <f t="shared" si="3"/>
        <v>0</v>
      </c>
      <c r="K203" s="68" t="str">
        <f t="shared" si="2"/>
        <v/>
      </c>
      <c r="L203" s="118">
        <v>0</v>
      </c>
      <c r="M203" s="118">
        <v>0</v>
      </c>
    </row>
    <row r="204" spans="1:13" s="70" customFormat="1" ht="34.5" customHeight="1" x14ac:dyDescent="0.15">
      <c r="A204" s="193" t="s">
        <v>309</v>
      </c>
      <c r="B204" s="71"/>
      <c r="C204" s="326" t="s">
        <v>78</v>
      </c>
      <c r="D204" s="327"/>
      <c r="E204" s="327"/>
      <c r="F204" s="327"/>
      <c r="G204" s="326" t="s">
        <v>68</v>
      </c>
      <c r="H204" s="326"/>
      <c r="I204" s="350"/>
      <c r="J204" s="207">
        <f t="shared" si="3"/>
        <v>0</v>
      </c>
      <c r="K204" s="68" t="str">
        <f t="shared" si="2"/>
        <v/>
      </c>
      <c r="L204" s="117">
        <v>0</v>
      </c>
      <c r="M204" s="117">
        <v>0</v>
      </c>
    </row>
    <row r="205" spans="1:13" s="70" customFormat="1" ht="34.5" customHeight="1" x14ac:dyDescent="0.15">
      <c r="A205" s="193" t="s">
        <v>309</v>
      </c>
      <c r="B205" s="71"/>
      <c r="C205" s="327"/>
      <c r="D205" s="327"/>
      <c r="E205" s="327"/>
      <c r="F205" s="327"/>
      <c r="G205" s="326" t="s">
        <v>70</v>
      </c>
      <c r="H205" s="326"/>
      <c r="I205" s="350"/>
      <c r="J205" s="207">
        <f t="shared" si="3"/>
        <v>0</v>
      </c>
      <c r="K205" s="68" t="str">
        <f t="shared" si="2"/>
        <v/>
      </c>
      <c r="L205" s="118">
        <v>0</v>
      </c>
      <c r="M205" s="118">
        <v>0</v>
      </c>
    </row>
    <row r="206" spans="1:13" s="70" customFormat="1" ht="34.5" customHeight="1" x14ac:dyDescent="0.15">
      <c r="A206" s="193" t="s">
        <v>310</v>
      </c>
      <c r="B206" s="71"/>
      <c r="C206" s="326" t="s">
        <v>79</v>
      </c>
      <c r="D206" s="327"/>
      <c r="E206" s="327"/>
      <c r="F206" s="327"/>
      <c r="G206" s="326" t="s">
        <v>68</v>
      </c>
      <c r="H206" s="326"/>
      <c r="I206" s="350"/>
      <c r="J206" s="207">
        <f t="shared" si="3"/>
        <v>0</v>
      </c>
      <c r="K206" s="68" t="str">
        <f t="shared" si="2"/>
        <v/>
      </c>
      <c r="L206" s="117">
        <v>0</v>
      </c>
      <c r="M206" s="117">
        <v>0</v>
      </c>
    </row>
    <row r="207" spans="1:13" s="70" customFormat="1" ht="34.5" customHeight="1" x14ac:dyDescent="0.15">
      <c r="A207" s="193" t="s">
        <v>310</v>
      </c>
      <c r="B207" s="71"/>
      <c r="C207" s="327"/>
      <c r="D207" s="327"/>
      <c r="E207" s="327"/>
      <c r="F207" s="327"/>
      <c r="G207" s="326" t="s">
        <v>70</v>
      </c>
      <c r="H207" s="326"/>
      <c r="I207" s="350"/>
      <c r="J207" s="207">
        <f t="shared" si="3"/>
        <v>0</v>
      </c>
      <c r="K207" s="68" t="str">
        <f t="shared" si="2"/>
        <v/>
      </c>
      <c r="L207" s="118">
        <v>0</v>
      </c>
      <c r="M207" s="118">
        <v>0</v>
      </c>
    </row>
    <row r="208" spans="1:13" s="70" customFormat="1" ht="34.5" customHeight="1" x14ac:dyDescent="0.15">
      <c r="A208" s="189" t="s">
        <v>311</v>
      </c>
      <c r="B208" s="71"/>
      <c r="C208" s="326" t="s">
        <v>80</v>
      </c>
      <c r="D208" s="342"/>
      <c r="E208" s="342"/>
      <c r="F208" s="342"/>
      <c r="G208" s="326" t="s">
        <v>68</v>
      </c>
      <c r="H208" s="326"/>
      <c r="I208" s="350"/>
      <c r="J208" s="207">
        <v>2</v>
      </c>
      <c r="K208" s="68" t="str">
        <f t="shared" si="2"/>
        <v/>
      </c>
      <c r="L208" s="115"/>
      <c r="M208" s="115"/>
    </row>
    <row r="209" spans="1:22" s="70" customFormat="1" ht="34.5" customHeight="1" x14ac:dyDescent="0.15">
      <c r="A209" s="189" t="s">
        <v>311</v>
      </c>
      <c r="B209" s="71"/>
      <c r="C209" s="342"/>
      <c r="D209" s="342"/>
      <c r="E209" s="342"/>
      <c r="F209" s="342"/>
      <c r="G209" s="326" t="s">
        <v>70</v>
      </c>
      <c r="H209" s="326"/>
      <c r="I209" s="350"/>
      <c r="J209" s="207">
        <v>0.5</v>
      </c>
      <c r="K209" s="68" t="str">
        <f t="shared" si="2"/>
        <v/>
      </c>
      <c r="L209" s="116"/>
      <c r="M209" s="116"/>
    </row>
    <row r="210" spans="1:22" s="70" customFormat="1" ht="34.5" customHeight="1" x14ac:dyDescent="0.15">
      <c r="A210" s="189" t="s">
        <v>312</v>
      </c>
      <c r="B210" s="71"/>
      <c r="C210" s="326" t="s">
        <v>81</v>
      </c>
      <c r="D210" s="342"/>
      <c r="E210" s="342"/>
      <c r="F210" s="342"/>
      <c r="G210" s="326" t="s">
        <v>68</v>
      </c>
      <c r="H210" s="326"/>
      <c r="I210" s="350"/>
      <c r="J210" s="207">
        <v>5</v>
      </c>
      <c r="K210" s="68" t="str">
        <f t="shared" si="2"/>
        <v/>
      </c>
      <c r="L210" s="115"/>
      <c r="M210" s="115"/>
    </row>
    <row r="211" spans="1:22" s="70" customFormat="1" ht="34.5" customHeight="1" x14ac:dyDescent="0.15">
      <c r="A211" s="189" t="s">
        <v>312</v>
      </c>
      <c r="B211" s="71"/>
      <c r="C211" s="342"/>
      <c r="D211" s="342"/>
      <c r="E211" s="342"/>
      <c r="F211" s="342"/>
      <c r="G211" s="326" t="s">
        <v>70</v>
      </c>
      <c r="H211" s="326"/>
      <c r="I211" s="350"/>
      <c r="J211" s="207">
        <v>0</v>
      </c>
      <c r="K211" s="68" t="str">
        <f t="shared" si="2"/>
        <v/>
      </c>
      <c r="L211" s="116"/>
      <c r="M211" s="116"/>
    </row>
    <row r="212" spans="1:22" s="70" customFormat="1" ht="34.5" customHeight="1" x14ac:dyDescent="0.15">
      <c r="A212" s="193" t="s">
        <v>313</v>
      </c>
      <c r="B212" s="71"/>
      <c r="C212" s="326" t="s">
        <v>82</v>
      </c>
      <c r="D212" s="327"/>
      <c r="E212" s="327"/>
      <c r="F212" s="327"/>
      <c r="G212" s="326" t="s">
        <v>68</v>
      </c>
      <c r="H212" s="326"/>
      <c r="I212" s="350"/>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27"/>
      <c r="D213" s="327"/>
      <c r="E213" s="327"/>
      <c r="F213" s="327"/>
      <c r="G213" s="326" t="s">
        <v>70</v>
      </c>
      <c r="H213" s="326"/>
      <c r="I213" s="350"/>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26" t="s">
        <v>83</v>
      </c>
      <c r="D214" s="342"/>
      <c r="E214" s="342"/>
      <c r="F214" s="342"/>
      <c r="G214" s="326" t="s">
        <v>68</v>
      </c>
      <c r="H214" s="326"/>
      <c r="I214" s="350"/>
      <c r="J214" s="207">
        <f>IF(SUM(L214:M214)=0,IF(COUNTIF(L214:M214,"未確認")&gt;0,"未確認",IF(COUNTIF(L214:M214,"~*")&gt;0,"*",SUM(L214:M214))),SUM(L214:M214))</f>
        <v>0</v>
      </c>
      <c r="K214" s="68" t="str">
        <f t="shared" si="2"/>
        <v/>
      </c>
      <c r="L214" s="117">
        <v>0</v>
      </c>
      <c r="M214" s="117">
        <v>0</v>
      </c>
    </row>
    <row r="215" spans="1:22" s="70" customFormat="1" ht="34.5" customHeight="1" x14ac:dyDescent="0.15">
      <c r="A215" s="193" t="s">
        <v>314</v>
      </c>
      <c r="B215" s="71"/>
      <c r="C215" s="342"/>
      <c r="D215" s="342"/>
      <c r="E215" s="342"/>
      <c r="F215" s="342"/>
      <c r="G215" s="326" t="s">
        <v>70</v>
      </c>
      <c r="H215" s="326"/>
      <c r="I215" s="351"/>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26" t="s">
        <v>72</v>
      </c>
      <c r="D220" s="326"/>
      <c r="E220" s="326"/>
      <c r="F220" s="326"/>
      <c r="G220" s="292" t="s">
        <v>68</v>
      </c>
      <c r="H220" s="294"/>
      <c r="I220" s="343" t="s">
        <v>88</v>
      </c>
      <c r="J220" s="121"/>
      <c r="K220" s="122"/>
      <c r="L220" s="117">
        <v>1</v>
      </c>
      <c r="M220" s="117">
        <v>4</v>
      </c>
      <c r="N220" s="117">
        <v>1</v>
      </c>
      <c r="O220" s="113"/>
      <c r="P220" s="113"/>
      <c r="Q220" s="113"/>
      <c r="R220" s="113"/>
      <c r="S220" s="113"/>
      <c r="T220" s="113"/>
      <c r="U220" s="113"/>
    </row>
    <row r="221" spans="1:22" s="70" customFormat="1" ht="34.5" customHeight="1" x14ac:dyDescent="0.15">
      <c r="A221" s="193" t="s">
        <v>315</v>
      </c>
      <c r="B221" s="100"/>
      <c r="C221" s="326"/>
      <c r="D221" s="326"/>
      <c r="E221" s="326"/>
      <c r="F221" s="326"/>
      <c r="G221" s="292" t="s">
        <v>70</v>
      </c>
      <c r="H221" s="294"/>
      <c r="I221" s="344"/>
      <c r="J221" s="121"/>
      <c r="K221" s="123"/>
      <c r="L221" s="118">
        <v>0</v>
      </c>
      <c r="M221" s="118">
        <v>0.8</v>
      </c>
      <c r="N221" s="118">
        <v>0</v>
      </c>
      <c r="O221" s="113"/>
      <c r="P221" s="113"/>
      <c r="Q221" s="113"/>
      <c r="R221" s="113"/>
      <c r="S221" s="113"/>
      <c r="T221" s="113"/>
      <c r="U221" s="113"/>
    </row>
    <row r="222" spans="1:22" s="70" customFormat="1" ht="34.5" customHeight="1" x14ac:dyDescent="0.15">
      <c r="A222" s="193" t="s">
        <v>316</v>
      </c>
      <c r="B222" s="100"/>
      <c r="C222" s="326" t="s">
        <v>73</v>
      </c>
      <c r="D222" s="327"/>
      <c r="E222" s="327"/>
      <c r="F222" s="327"/>
      <c r="G222" s="292" t="s">
        <v>68</v>
      </c>
      <c r="H222" s="294"/>
      <c r="I222" s="344"/>
      <c r="J222" s="121"/>
      <c r="K222" s="122"/>
      <c r="L222" s="117">
        <v>0</v>
      </c>
      <c r="M222" s="117">
        <v>1</v>
      </c>
      <c r="N222" s="117">
        <v>0</v>
      </c>
      <c r="O222" s="113"/>
      <c r="P222" s="113"/>
      <c r="Q222" s="113"/>
      <c r="R222" s="113"/>
      <c r="S222" s="113"/>
      <c r="T222" s="113"/>
      <c r="U222" s="113"/>
    </row>
    <row r="223" spans="1:22" s="70" customFormat="1" ht="34.5" customHeight="1" x14ac:dyDescent="0.15">
      <c r="A223" s="193" t="s">
        <v>316</v>
      </c>
      <c r="B223" s="100"/>
      <c r="C223" s="327"/>
      <c r="D223" s="327"/>
      <c r="E223" s="327"/>
      <c r="F223" s="327"/>
      <c r="G223" s="292" t="s">
        <v>70</v>
      </c>
      <c r="H223" s="294"/>
      <c r="I223" s="344"/>
      <c r="J223" s="121"/>
      <c r="K223" s="123"/>
      <c r="L223" s="118">
        <v>0</v>
      </c>
      <c r="M223" s="118">
        <v>1.8</v>
      </c>
      <c r="N223" s="118">
        <v>0</v>
      </c>
      <c r="O223" s="113"/>
      <c r="P223" s="113"/>
      <c r="Q223" s="113"/>
      <c r="R223" s="113"/>
      <c r="S223" s="113"/>
      <c r="T223" s="113"/>
      <c r="U223" s="113"/>
    </row>
    <row r="224" spans="1:22" s="70" customFormat="1" ht="34.5" customHeight="1" x14ac:dyDescent="0.15">
      <c r="A224" s="193" t="s">
        <v>317</v>
      </c>
      <c r="B224" s="100"/>
      <c r="C224" s="326" t="s">
        <v>74</v>
      </c>
      <c r="D224" s="327"/>
      <c r="E224" s="327"/>
      <c r="F224" s="327"/>
      <c r="G224" s="292" t="s">
        <v>68</v>
      </c>
      <c r="H224" s="294"/>
      <c r="I224" s="344"/>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27"/>
      <c r="D225" s="327"/>
      <c r="E225" s="327"/>
      <c r="F225" s="327"/>
      <c r="G225" s="292" t="s">
        <v>70</v>
      </c>
      <c r="H225" s="294"/>
      <c r="I225" s="344"/>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26" t="s">
        <v>75</v>
      </c>
      <c r="D226" s="327"/>
      <c r="E226" s="327"/>
      <c r="F226" s="327"/>
      <c r="G226" s="292" t="s">
        <v>68</v>
      </c>
      <c r="H226" s="294"/>
      <c r="I226" s="344"/>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27"/>
      <c r="D227" s="327"/>
      <c r="E227" s="327"/>
      <c r="F227" s="327"/>
      <c r="G227" s="292" t="s">
        <v>70</v>
      </c>
      <c r="H227" s="294"/>
      <c r="I227" s="344"/>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26" t="s">
        <v>76</v>
      </c>
      <c r="D228" s="327"/>
      <c r="E228" s="327"/>
      <c r="F228" s="327"/>
      <c r="G228" s="292" t="s">
        <v>68</v>
      </c>
      <c r="H228" s="294"/>
      <c r="I228" s="344"/>
      <c r="J228" s="121"/>
      <c r="K228" s="122"/>
      <c r="L228" s="117">
        <v>0</v>
      </c>
      <c r="M228" s="117">
        <v>0</v>
      </c>
      <c r="N228" s="117">
        <v>5</v>
      </c>
      <c r="O228" s="113"/>
      <c r="P228" s="113"/>
      <c r="Q228" s="113"/>
      <c r="R228" s="113"/>
      <c r="S228" s="113"/>
      <c r="T228" s="113"/>
      <c r="U228" s="113"/>
    </row>
    <row r="229" spans="1:22" s="70" customFormat="1" ht="34.5" customHeight="1" x14ac:dyDescent="0.15">
      <c r="A229" s="193" t="s">
        <v>319</v>
      </c>
      <c r="B229" s="71"/>
      <c r="C229" s="327"/>
      <c r="D229" s="327"/>
      <c r="E229" s="327"/>
      <c r="F229" s="327"/>
      <c r="G229" s="292" t="s">
        <v>70</v>
      </c>
      <c r="H229" s="294"/>
      <c r="I229" s="344"/>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26" t="s">
        <v>77</v>
      </c>
      <c r="D230" s="327"/>
      <c r="E230" s="327"/>
      <c r="F230" s="327"/>
      <c r="G230" s="292" t="s">
        <v>68</v>
      </c>
      <c r="H230" s="294"/>
      <c r="I230" s="344"/>
      <c r="J230" s="121"/>
      <c r="K230" s="122"/>
      <c r="L230" s="117">
        <v>0</v>
      </c>
      <c r="M230" s="117">
        <v>0</v>
      </c>
      <c r="N230" s="117">
        <v>2</v>
      </c>
      <c r="O230" s="113"/>
      <c r="P230" s="113"/>
      <c r="Q230" s="113"/>
      <c r="R230" s="113"/>
      <c r="S230" s="113"/>
      <c r="T230" s="113"/>
      <c r="U230" s="113"/>
    </row>
    <row r="231" spans="1:22" s="70" customFormat="1" ht="34.5" customHeight="1" x14ac:dyDescent="0.15">
      <c r="A231" s="193" t="s">
        <v>320</v>
      </c>
      <c r="B231" s="71"/>
      <c r="C231" s="327"/>
      <c r="D231" s="327"/>
      <c r="E231" s="327"/>
      <c r="F231" s="327"/>
      <c r="G231" s="292" t="s">
        <v>70</v>
      </c>
      <c r="H231" s="294"/>
      <c r="I231" s="344"/>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26" t="s">
        <v>78</v>
      </c>
      <c r="D232" s="327"/>
      <c r="E232" s="327"/>
      <c r="F232" s="327"/>
      <c r="G232" s="292" t="s">
        <v>68</v>
      </c>
      <c r="H232" s="294"/>
      <c r="I232" s="344"/>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27"/>
      <c r="D233" s="327"/>
      <c r="E233" s="327"/>
      <c r="F233" s="327"/>
      <c r="G233" s="292" t="s">
        <v>70</v>
      </c>
      <c r="H233" s="294"/>
      <c r="I233" s="344"/>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26" t="s">
        <v>79</v>
      </c>
      <c r="D234" s="327"/>
      <c r="E234" s="327"/>
      <c r="F234" s="327"/>
      <c r="G234" s="292" t="s">
        <v>68</v>
      </c>
      <c r="H234" s="294"/>
      <c r="I234" s="344"/>
      <c r="J234" s="121"/>
      <c r="K234" s="122"/>
      <c r="L234" s="117">
        <v>0</v>
      </c>
      <c r="M234" s="117">
        <v>0</v>
      </c>
      <c r="N234" s="117">
        <v>3</v>
      </c>
      <c r="O234" s="113"/>
      <c r="P234" s="113"/>
      <c r="Q234" s="113"/>
      <c r="R234" s="113"/>
      <c r="S234" s="113"/>
      <c r="T234" s="113"/>
      <c r="U234" s="113"/>
    </row>
    <row r="235" spans="1:22" s="70" customFormat="1" ht="34.5" customHeight="1" x14ac:dyDescent="0.15">
      <c r="A235" s="193" t="s">
        <v>322</v>
      </c>
      <c r="B235" s="71"/>
      <c r="C235" s="327"/>
      <c r="D235" s="327"/>
      <c r="E235" s="327"/>
      <c r="F235" s="327"/>
      <c r="G235" s="292" t="s">
        <v>70</v>
      </c>
      <c r="H235" s="294"/>
      <c r="I235" s="344"/>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26" t="s">
        <v>89</v>
      </c>
      <c r="D236" s="327"/>
      <c r="E236" s="327"/>
      <c r="F236" s="327"/>
      <c r="G236" s="292" t="s">
        <v>68</v>
      </c>
      <c r="H236" s="294"/>
      <c r="I236" s="344"/>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27"/>
      <c r="D237" s="327"/>
      <c r="E237" s="327"/>
      <c r="F237" s="327"/>
      <c r="G237" s="292" t="s">
        <v>70</v>
      </c>
      <c r="H237" s="294"/>
      <c r="I237" s="344"/>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26" t="s">
        <v>83</v>
      </c>
      <c r="D238" s="342"/>
      <c r="E238" s="342"/>
      <c r="F238" s="342"/>
      <c r="G238" s="292" t="s">
        <v>68</v>
      </c>
      <c r="H238" s="294"/>
      <c r="I238" s="344"/>
      <c r="J238" s="121"/>
      <c r="K238" s="124"/>
      <c r="L238" s="117">
        <v>0</v>
      </c>
      <c r="M238" s="117">
        <v>0</v>
      </c>
      <c r="N238" s="117">
        <v>5</v>
      </c>
      <c r="O238" s="113"/>
      <c r="P238" s="113"/>
      <c r="Q238" s="113"/>
      <c r="R238" s="113"/>
      <c r="S238" s="113"/>
      <c r="T238" s="113"/>
      <c r="U238" s="113"/>
    </row>
    <row r="239" spans="1:22" s="70" customFormat="1" ht="34.5" customHeight="1" x14ac:dyDescent="0.15">
      <c r="A239" s="193" t="s">
        <v>324</v>
      </c>
      <c r="B239" s="71"/>
      <c r="C239" s="342"/>
      <c r="D239" s="342"/>
      <c r="E239" s="342"/>
      <c r="F239" s="342"/>
      <c r="G239" s="292" t="s">
        <v>70</v>
      </c>
      <c r="H239" s="294"/>
      <c r="I239" s="345"/>
      <c r="J239" s="125"/>
      <c r="K239" s="126"/>
      <c r="L239" s="118">
        <v>0</v>
      </c>
      <c r="M239" s="118">
        <v>0</v>
      </c>
      <c r="N239" s="118">
        <v>0.2</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4</v>
      </c>
      <c r="M245" s="56" t="s">
        <v>438</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5</v>
      </c>
      <c r="M246" s="111" t="s">
        <v>439</v>
      </c>
      <c r="N246" s="8"/>
      <c r="O246" s="8"/>
      <c r="P246" s="8"/>
      <c r="Q246" s="8"/>
      <c r="R246" s="8"/>
      <c r="S246" s="8"/>
      <c r="T246" s="8"/>
      <c r="U246" s="8"/>
      <c r="V246" s="8"/>
    </row>
    <row r="247" spans="1:22" s="70" customFormat="1" ht="34.5" customHeight="1" x14ac:dyDescent="0.15">
      <c r="A247" s="193" t="s">
        <v>325</v>
      </c>
      <c r="B247" s="1"/>
      <c r="C247" s="292" t="s">
        <v>91</v>
      </c>
      <c r="D247" s="293"/>
      <c r="E247" s="293"/>
      <c r="F247" s="293"/>
      <c r="G247" s="293"/>
      <c r="H247" s="294"/>
      <c r="I247" s="267" t="s">
        <v>92</v>
      </c>
      <c r="J247" s="203" t="s">
        <v>429</v>
      </c>
      <c r="K247" s="68"/>
      <c r="L247" s="209"/>
      <c r="M247" s="127"/>
    </row>
    <row r="248" spans="1:22" s="70" customFormat="1" ht="34.5" customHeight="1" x14ac:dyDescent="0.15">
      <c r="A248" s="193" t="s">
        <v>326</v>
      </c>
      <c r="B248" s="128"/>
      <c r="C248" s="340" t="s">
        <v>93</v>
      </c>
      <c r="D248" s="340"/>
      <c r="E248" s="340"/>
      <c r="F248" s="341"/>
      <c r="G248" s="326" t="s">
        <v>67</v>
      </c>
      <c r="H248" s="229" t="s">
        <v>94</v>
      </c>
      <c r="I248" s="335"/>
      <c r="J248" s="207">
        <v>0</v>
      </c>
      <c r="K248" s="68"/>
      <c r="L248" s="210"/>
      <c r="M248" s="129"/>
    </row>
    <row r="249" spans="1:22" s="70" customFormat="1" ht="34.5" customHeight="1" x14ac:dyDescent="0.15">
      <c r="A249" s="193" t="s">
        <v>326</v>
      </c>
      <c r="B249" s="128"/>
      <c r="C249" s="326"/>
      <c r="D249" s="326"/>
      <c r="E249" s="326"/>
      <c r="F249" s="327"/>
      <c r="G249" s="326"/>
      <c r="H249" s="229" t="s">
        <v>95</v>
      </c>
      <c r="I249" s="335"/>
      <c r="J249" s="208">
        <v>0</v>
      </c>
      <c r="K249" s="68"/>
      <c r="L249" s="210"/>
      <c r="M249" s="129"/>
    </row>
    <row r="250" spans="1:22" s="70" customFormat="1" ht="34.5" customHeight="1" x14ac:dyDescent="0.15">
      <c r="A250" s="193" t="s">
        <v>327</v>
      </c>
      <c r="B250" s="128"/>
      <c r="C250" s="326"/>
      <c r="D250" s="326"/>
      <c r="E250" s="326"/>
      <c r="F250" s="327"/>
      <c r="G250" s="326" t="s">
        <v>96</v>
      </c>
      <c r="H250" s="229" t="s">
        <v>94</v>
      </c>
      <c r="I250" s="335"/>
      <c r="J250" s="207">
        <v>2</v>
      </c>
      <c r="K250" s="68"/>
      <c r="L250" s="210"/>
      <c r="M250" s="129"/>
    </row>
    <row r="251" spans="1:22" s="70" customFormat="1" ht="34.5" customHeight="1" x14ac:dyDescent="0.15">
      <c r="A251" s="193" t="s">
        <v>327</v>
      </c>
      <c r="B251" s="128"/>
      <c r="C251" s="326"/>
      <c r="D251" s="326"/>
      <c r="E251" s="326"/>
      <c r="F251" s="327"/>
      <c r="G251" s="327"/>
      <c r="H251" s="229" t="s">
        <v>95</v>
      </c>
      <c r="I251" s="335"/>
      <c r="J251" s="208">
        <v>0</v>
      </c>
      <c r="K251" s="68"/>
      <c r="L251" s="210"/>
      <c r="M251" s="129"/>
    </row>
    <row r="252" spans="1:22" s="70" customFormat="1" ht="34.5" customHeight="1" x14ac:dyDescent="0.15">
      <c r="A252" s="193" t="s">
        <v>328</v>
      </c>
      <c r="B252" s="128"/>
      <c r="C252" s="326"/>
      <c r="D252" s="326"/>
      <c r="E252" s="326"/>
      <c r="F252" s="327"/>
      <c r="G252" s="326" t="s">
        <v>97</v>
      </c>
      <c r="H252" s="229" t="s">
        <v>94</v>
      </c>
      <c r="I252" s="335"/>
      <c r="J252" s="207">
        <v>2</v>
      </c>
      <c r="K252" s="68"/>
      <c r="L252" s="210"/>
      <c r="M252" s="129"/>
    </row>
    <row r="253" spans="1:22" s="70" customFormat="1" ht="34.5" customHeight="1" x14ac:dyDescent="0.15">
      <c r="A253" s="193" t="s">
        <v>328</v>
      </c>
      <c r="B253" s="128"/>
      <c r="C253" s="326"/>
      <c r="D253" s="326"/>
      <c r="E253" s="326"/>
      <c r="F253" s="327"/>
      <c r="G253" s="327"/>
      <c r="H253" s="229" t="s">
        <v>95</v>
      </c>
      <c r="I253" s="335"/>
      <c r="J253" s="208">
        <v>0</v>
      </c>
      <c r="K253" s="68"/>
      <c r="L253" s="210"/>
      <c r="M253" s="129"/>
    </row>
    <row r="254" spans="1:22" s="70" customFormat="1" ht="34.5" customHeight="1" x14ac:dyDescent="0.15">
      <c r="A254" s="193" t="s">
        <v>329</v>
      </c>
      <c r="B254" s="128"/>
      <c r="C254" s="326"/>
      <c r="D254" s="326"/>
      <c r="E254" s="326"/>
      <c r="F254" s="327"/>
      <c r="G254" s="328" t="s">
        <v>98</v>
      </c>
      <c r="H254" s="229" t="s">
        <v>94</v>
      </c>
      <c r="I254" s="335"/>
      <c r="J254" s="207">
        <v>2</v>
      </c>
      <c r="K254" s="68"/>
      <c r="L254" s="210"/>
      <c r="M254" s="129"/>
    </row>
    <row r="255" spans="1:22" s="70" customFormat="1" ht="34.5" customHeight="1" x14ac:dyDescent="0.15">
      <c r="A255" s="193" t="s">
        <v>329</v>
      </c>
      <c r="B255" s="128"/>
      <c r="C255" s="326"/>
      <c r="D255" s="326"/>
      <c r="E255" s="326"/>
      <c r="F255" s="327"/>
      <c r="G255" s="327"/>
      <c r="H255" s="229" t="s">
        <v>95</v>
      </c>
      <c r="I255" s="335"/>
      <c r="J255" s="208">
        <v>0</v>
      </c>
      <c r="K255" s="68"/>
      <c r="L255" s="210"/>
      <c r="M255" s="129"/>
    </row>
    <row r="256" spans="1:22" s="70" customFormat="1" ht="34.5" customHeight="1" x14ac:dyDescent="0.15">
      <c r="A256" s="193" t="s">
        <v>330</v>
      </c>
      <c r="B256" s="128"/>
      <c r="C256" s="326"/>
      <c r="D256" s="326"/>
      <c r="E256" s="326"/>
      <c r="F256" s="327"/>
      <c r="G256" s="326" t="s">
        <v>99</v>
      </c>
      <c r="H256" s="229" t="s">
        <v>94</v>
      </c>
      <c r="I256" s="335"/>
      <c r="J256" s="207">
        <v>0</v>
      </c>
      <c r="K256" s="68"/>
      <c r="L256" s="210"/>
      <c r="M256" s="129"/>
    </row>
    <row r="257" spans="1:22" s="70" customFormat="1" ht="34.5" customHeight="1" x14ac:dyDescent="0.15">
      <c r="A257" s="193" t="s">
        <v>330</v>
      </c>
      <c r="B257" s="128"/>
      <c r="C257" s="326"/>
      <c r="D257" s="326"/>
      <c r="E257" s="326"/>
      <c r="F257" s="327"/>
      <c r="G257" s="327"/>
      <c r="H257" s="229" t="s">
        <v>95</v>
      </c>
      <c r="I257" s="335"/>
      <c r="J257" s="208">
        <v>0</v>
      </c>
      <c r="K257" s="68"/>
      <c r="L257" s="210"/>
      <c r="M257" s="129"/>
    </row>
    <row r="258" spans="1:22" s="70" customFormat="1" ht="34.5" customHeight="1" x14ac:dyDescent="0.15">
      <c r="A258" s="193" t="s">
        <v>331</v>
      </c>
      <c r="B258" s="128"/>
      <c r="C258" s="326"/>
      <c r="D258" s="326"/>
      <c r="E258" s="326"/>
      <c r="F258" s="327"/>
      <c r="G258" s="326" t="s">
        <v>87</v>
      </c>
      <c r="H258" s="229" t="s">
        <v>94</v>
      </c>
      <c r="I258" s="335"/>
      <c r="J258" s="207">
        <v>0</v>
      </c>
      <c r="K258" s="68"/>
      <c r="L258" s="210"/>
      <c r="M258" s="129"/>
    </row>
    <row r="259" spans="1:22" s="70" customFormat="1" ht="34.5" customHeight="1" x14ac:dyDescent="0.15">
      <c r="A259" s="193" t="s">
        <v>331</v>
      </c>
      <c r="B259" s="128"/>
      <c r="C259" s="326"/>
      <c r="D259" s="326"/>
      <c r="E259" s="326"/>
      <c r="F259" s="327"/>
      <c r="G259" s="327"/>
      <c r="H259" s="229" t="s">
        <v>95</v>
      </c>
      <c r="I259" s="268"/>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4</v>
      </c>
      <c r="M265" s="56" t="s">
        <v>438</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5</v>
      </c>
      <c r="M266" s="111" t="s">
        <v>439</v>
      </c>
      <c r="N266" s="8"/>
      <c r="O266" s="8"/>
      <c r="P266" s="8"/>
      <c r="Q266" s="8"/>
      <c r="R266" s="8"/>
      <c r="S266" s="8"/>
      <c r="T266" s="8"/>
      <c r="U266" s="8"/>
      <c r="V266" s="8"/>
    </row>
    <row r="267" spans="1:22" s="70" customFormat="1" ht="34.5" customHeight="1" x14ac:dyDescent="0.15">
      <c r="A267" s="193" t="s">
        <v>332</v>
      </c>
      <c r="B267" s="1"/>
      <c r="C267" s="300" t="s">
        <v>101</v>
      </c>
      <c r="D267" s="302"/>
      <c r="E267" s="338" t="s">
        <v>102</v>
      </c>
      <c r="F267" s="339"/>
      <c r="G267" s="292" t="s">
        <v>103</v>
      </c>
      <c r="H267" s="294"/>
      <c r="I267" s="267" t="s">
        <v>104</v>
      </c>
      <c r="J267" s="212">
        <v>0</v>
      </c>
      <c r="K267" s="68"/>
      <c r="L267" s="209"/>
      <c r="M267" s="127"/>
    </row>
    <row r="268" spans="1:22" s="70" customFormat="1" ht="34.5" customHeight="1" x14ac:dyDescent="0.15">
      <c r="A268" s="193" t="s">
        <v>333</v>
      </c>
      <c r="B268" s="128"/>
      <c r="C268" s="336"/>
      <c r="D268" s="337"/>
      <c r="E268" s="339"/>
      <c r="F268" s="339"/>
      <c r="G268" s="292" t="s">
        <v>105</v>
      </c>
      <c r="H268" s="294"/>
      <c r="I268" s="335"/>
      <c r="J268" s="212">
        <v>1</v>
      </c>
      <c r="K268" s="68"/>
      <c r="L268" s="210"/>
      <c r="M268" s="129"/>
    </row>
    <row r="269" spans="1:22" s="70" customFormat="1" ht="34.5" customHeight="1" x14ac:dyDescent="0.15">
      <c r="A269" s="193" t="s">
        <v>334</v>
      </c>
      <c r="B269" s="128"/>
      <c r="C269" s="336"/>
      <c r="D269" s="337"/>
      <c r="E269" s="339"/>
      <c r="F269" s="339"/>
      <c r="G269" s="292" t="s">
        <v>106</v>
      </c>
      <c r="H269" s="294"/>
      <c r="I269" s="335"/>
      <c r="J269" s="212">
        <v>0</v>
      </c>
      <c r="K269" s="68"/>
      <c r="L269" s="210"/>
      <c r="M269" s="129"/>
    </row>
    <row r="270" spans="1:22" s="70" customFormat="1" ht="34.5" customHeight="1" x14ac:dyDescent="0.15">
      <c r="A270" s="193" t="s">
        <v>335</v>
      </c>
      <c r="B270" s="128"/>
      <c r="C270" s="314"/>
      <c r="D270" s="316"/>
      <c r="E270" s="292" t="s">
        <v>87</v>
      </c>
      <c r="F270" s="293"/>
      <c r="G270" s="293"/>
      <c r="H270" s="294"/>
      <c r="I270" s="268"/>
      <c r="J270" s="212">
        <v>0</v>
      </c>
      <c r="K270" s="68"/>
      <c r="L270" s="210"/>
      <c r="M270" s="129"/>
    </row>
    <row r="271" spans="1:22" s="70" customFormat="1" ht="34.5" customHeight="1" x14ac:dyDescent="0.15">
      <c r="A271" s="193" t="s">
        <v>336</v>
      </c>
      <c r="B271" s="128"/>
      <c r="C271" s="300" t="s">
        <v>107</v>
      </c>
      <c r="D271" s="317"/>
      <c r="E271" s="292" t="s">
        <v>108</v>
      </c>
      <c r="F271" s="293"/>
      <c r="G271" s="293"/>
      <c r="H271" s="294"/>
      <c r="I271" s="267" t="s">
        <v>109</v>
      </c>
      <c r="J271" s="212">
        <v>0</v>
      </c>
      <c r="K271" s="68"/>
      <c r="L271" s="210"/>
      <c r="M271" s="129"/>
    </row>
    <row r="272" spans="1:22" s="70" customFormat="1" ht="34.5" customHeight="1" x14ac:dyDescent="0.15">
      <c r="A272" s="193" t="s">
        <v>337</v>
      </c>
      <c r="B272" s="128"/>
      <c r="C272" s="318"/>
      <c r="D272" s="319"/>
      <c r="E272" s="292" t="s">
        <v>110</v>
      </c>
      <c r="F272" s="293"/>
      <c r="G272" s="293"/>
      <c r="H272" s="294"/>
      <c r="I272" s="335"/>
      <c r="J272" s="212">
        <v>0</v>
      </c>
      <c r="K272" s="68"/>
      <c r="L272" s="210"/>
      <c r="M272" s="129"/>
    </row>
    <row r="273" spans="1:13" s="70" customFormat="1" ht="34.5" customHeight="1" x14ac:dyDescent="0.15">
      <c r="A273" s="193" t="s">
        <v>338</v>
      </c>
      <c r="B273" s="128"/>
      <c r="C273" s="320"/>
      <c r="D273" s="321"/>
      <c r="E273" s="292" t="s">
        <v>111</v>
      </c>
      <c r="F273" s="293"/>
      <c r="G273" s="293"/>
      <c r="H273" s="294"/>
      <c r="I273" s="268"/>
      <c r="J273" s="212">
        <v>1</v>
      </c>
      <c r="K273" s="68"/>
      <c r="L273" s="210"/>
      <c r="M273" s="129"/>
    </row>
    <row r="274" spans="1:13" s="70" customFormat="1" ht="42" customHeight="1" x14ac:dyDescent="0.15">
      <c r="A274" s="193" t="s">
        <v>339</v>
      </c>
      <c r="B274" s="128"/>
      <c r="C274" s="300" t="s">
        <v>87</v>
      </c>
      <c r="D274" s="317"/>
      <c r="E274" s="292" t="s">
        <v>112</v>
      </c>
      <c r="F274" s="293"/>
      <c r="G274" s="293"/>
      <c r="H274" s="294"/>
      <c r="I274" s="101" t="s">
        <v>113</v>
      </c>
      <c r="J274" s="212">
        <v>0</v>
      </c>
      <c r="K274" s="68"/>
      <c r="L274" s="210"/>
      <c r="M274" s="129"/>
    </row>
    <row r="275" spans="1:13" s="70" customFormat="1" ht="34.5" customHeight="1" x14ac:dyDescent="0.15">
      <c r="A275" s="193" t="s">
        <v>340</v>
      </c>
      <c r="B275" s="128"/>
      <c r="C275" s="318"/>
      <c r="D275" s="319"/>
      <c r="E275" s="292" t="s">
        <v>114</v>
      </c>
      <c r="F275" s="293"/>
      <c r="G275" s="293"/>
      <c r="H275" s="294"/>
      <c r="I275" s="269" t="s">
        <v>115</v>
      </c>
      <c r="J275" s="212">
        <v>0</v>
      </c>
      <c r="K275" s="68"/>
      <c r="L275" s="210"/>
      <c r="M275" s="129"/>
    </row>
    <row r="276" spans="1:13" s="70" customFormat="1" ht="34.5" customHeight="1" x14ac:dyDescent="0.15">
      <c r="A276" s="193" t="s">
        <v>341</v>
      </c>
      <c r="B276" s="128"/>
      <c r="C276" s="318"/>
      <c r="D276" s="319"/>
      <c r="E276" s="292" t="s">
        <v>116</v>
      </c>
      <c r="F276" s="293"/>
      <c r="G276" s="293"/>
      <c r="H276" s="294"/>
      <c r="I276" s="299"/>
      <c r="J276" s="212">
        <v>0</v>
      </c>
      <c r="K276" s="68"/>
      <c r="L276" s="210"/>
      <c r="M276" s="129"/>
    </row>
    <row r="277" spans="1:13" s="70" customFormat="1" ht="42.75" x14ac:dyDescent="0.15">
      <c r="A277" s="193" t="s">
        <v>342</v>
      </c>
      <c r="B277" s="128"/>
      <c r="C277" s="318"/>
      <c r="D277" s="319"/>
      <c r="E277" s="292" t="s">
        <v>117</v>
      </c>
      <c r="F277" s="293"/>
      <c r="G277" s="293"/>
      <c r="H277" s="294"/>
      <c r="I277" s="101" t="s">
        <v>118</v>
      </c>
      <c r="J277" s="212">
        <v>0</v>
      </c>
      <c r="K277" s="68"/>
      <c r="L277" s="210"/>
      <c r="M277" s="129"/>
    </row>
    <row r="278" spans="1:13" s="70" customFormat="1" ht="42.75" x14ac:dyDescent="0.15">
      <c r="A278" s="193" t="s">
        <v>343</v>
      </c>
      <c r="B278" s="128"/>
      <c r="C278" s="318"/>
      <c r="D278" s="319"/>
      <c r="E278" s="292" t="s">
        <v>119</v>
      </c>
      <c r="F278" s="293"/>
      <c r="G278" s="293"/>
      <c r="H278" s="294"/>
      <c r="I278" s="101" t="s">
        <v>120</v>
      </c>
      <c r="J278" s="212">
        <v>0</v>
      </c>
      <c r="K278" s="68"/>
      <c r="L278" s="210"/>
      <c r="M278" s="129"/>
    </row>
    <row r="279" spans="1:13" s="70" customFormat="1" ht="42" customHeight="1" x14ac:dyDescent="0.15">
      <c r="A279" s="193" t="s">
        <v>344</v>
      </c>
      <c r="B279" s="128"/>
      <c r="C279" s="318"/>
      <c r="D279" s="319"/>
      <c r="E279" s="292" t="s">
        <v>121</v>
      </c>
      <c r="F279" s="293"/>
      <c r="G279" s="293"/>
      <c r="H279" s="294"/>
      <c r="I279" s="101" t="s">
        <v>122</v>
      </c>
      <c r="J279" s="212">
        <v>0</v>
      </c>
      <c r="K279" s="68"/>
      <c r="L279" s="210"/>
      <c r="M279" s="129"/>
    </row>
    <row r="280" spans="1:13" s="70" customFormat="1" ht="42" customHeight="1" x14ac:dyDescent="0.15">
      <c r="A280" s="193" t="s">
        <v>345</v>
      </c>
      <c r="B280" s="128"/>
      <c r="C280" s="318"/>
      <c r="D280" s="319"/>
      <c r="E280" s="292" t="s">
        <v>123</v>
      </c>
      <c r="F280" s="293"/>
      <c r="G280" s="293"/>
      <c r="H280" s="294"/>
      <c r="I280" s="101" t="s">
        <v>124</v>
      </c>
      <c r="J280" s="212">
        <v>0</v>
      </c>
      <c r="K280" s="68"/>
      <c r="L280" s="210"/>
      <c r="M280" s="129"/>
    </row>
    <row r="281" spans="1:13" s="70" customFormat="1" ht="42" customHeight="1" x14ac:dyDescent="0.15">
      <c r="A281" s="193" t="s">
        <v>346</v>
      </c>
      <c r="B281" s="128"/>
      <c r="C281" s="318"/>
      <c r="D281" s="319"/>
      <c r="E281" s="292" t="s">
        <v>125</v>
      </c>
      <c r="F281" s="293"/>
      <c r="G281" s="293"/>
      <c r="H281" s="294"/>
      <c r="I281" s="101" t="s">
        <v>126</v>
      </c>
      <c r="J281" s="212">
        <v>0</v>
      </c>
      <c r="K281" s="68"/>
      <c r="L281" s="210"/>
      <c r="M281" s="129"/>
    </row>
    <row r="282" spans="1:13" s="70" customFormat="1" ht="56.1" customHeight="1" x14ac:dyDescent="0.15">
      <c r="A282" s="193" t="s">
        <v>347</v>
      </c>
      <c r="B282" s="128"/>
      <c r="C282" s="318"/>
      <c r="D282" s="319"/>
      <c r="E282" s="292" t="s">
        <v>127</v>
      </c>
      <c r="F282" s="293"/>
      <c r="G282" s="293"/>
      <c r="H282" s="294"/>
      <c r="I282" s="101" t="s">
        <v>128</v>
      </c>
      <c r="J282" s="212">
        <v>0</v>
      </c>
      <c r="K282" s="68"/>
      <c r="L282" s="210"/>
      <c r="M282" s="129"/>
    </row>
    <row r="283" spans="1:13" s="70" customFormat="1" ht="56.1" customHeight="1" x14ac:dyDescent="0.15">
      <c r="A283" s="193" t="s">
        <v>348</v>
      </c>
      <c r="B283" s="128"/>
      <c r="C283" s="320"/>
      <c r="D283" s="321"/>
      <c r="E283" s="292" t="s">
        <v>129</v>
      </c>
      <c r="F283" s="293"/>
      <c r="G283" s="293"/>
      <c r="H283" s="294"/>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4</v>
      </c>
      <c r="M290" s="56" t="s">
        <v>438</v>
      </c>
    </row>
    <row r="291" spans="1:22" s="98" customFormat="1" ht="20.25" customHeight="1" x14ac:dyDescent="0.15">
      <c r="A291" s="188"/>
      <c r="B291" s="1"/>
      <c r="C291" s="3"/>
      <c r="D291" s="3"/>
      <c r="E291" s="3"/>
      <c r="F291" s="3"/>
      <c r="G291" s="3"/>
      <c r="H291" s="228"/>
      <c r="I291" s="57" t="s">
        <v>28</v>
      </c>
      <c r="J291" s="135"/>
      <c r="K291" s="67"/>
      <c r="L291" s="111" t="s">
        <v>435</v>
      </c>
      <c r="M291" s="111" t="s">
        <v>439</v>
      </c>
    </row>
    <row r="292" spans="1:22" s="98" customFormat="1" ht="34.5" customHeight="1" x14ac:dyDescent="0.15">
      <c r="A292" s="188"/>
      <c r="B292" s="95"/>
      <c r="C292" s="264" t="s">
        <v>132</v>
      </c>
      <c r="D292" s="265"/>
      <c r="E292" s="265"/>
      <c r="F292" s="265"/>
      <c r="G292" s="265"/>
      <c r="H292" s="266"/>
      <c r="I292" s="334" t="s">
        <v>266</v>
      </c>
      <c r="J292" s="136"/>
      <c r="K292" s="82"/>
      <c r="L292" s="251"/>
      <c r="M292" s="251"/>
    </row>
    <row r="293" spans="1:22" s="98" customFormat="1" ht="34.5" customHeight="1" x14ac:dyDescent="0.15">
      <c r="A293" s="188"/>
      <c r="B293" s="137"/>
      <c r="C293" s="329"/>
      <c r="D293" s="274"/>
      <c r="E293" s="274"/>
      <c r="F293" s="274"/>
      <c r="G293" s="274"/>
      <c r="H293" s="330"/>
      <c r="I293" s="334"/>
      <c r="J293" s="138"/>
      <c r="K293" s="85"/>
      <c r="L293" s="139"/>
      <c r="M293" s="139"/>
    </row>
    <row r="294" spans="1:22" s="98" customFormat="1" ht="34.5" customHeight="1" x14ac:dyDescent="0.15">
      <c r="A294" s="193" t="s">
        <v>349</v>
      </c>
      <c r="B294" s="137"/>
      <c r="C294" s="329"/>
      <c r="D294" s="274"/>
      <c r="E294" s="274"/>
      <c r="F294" s="274"/>
      <c r="G294" s="274"/>
      <c r="H294" s="330"/>
      <c r="I294" s="334"/>
      <c r="J294" s="138"/>
      <c r="K294" s="85"/>
      <c r="L294" s="140" t="str">
        <f>IF(ISBLANK(L292), "-", "～")</f>
        <v>-</v>
      </c>
      <c r="M294" s="140" t="str">
        <f t="shared" ref="M294" si="4">IF(ISBLANK(M292), "-", "～")</f>
        <v>-</v>
      </c>
    </row>
    <row r="295" spans="1:22" s="98" customFormat="1" ht="34.5" customHeight="1" x14ac:dyDescent="0.15">
      <c r="A295" s="188"/>
      <c r="B295" s="137"/>
      <c r="C295" s="329"/>
      <c r="D295" s="274"/>
      <c r="E295" s="274"/>
      <c r="F295" s="274"/>
      <c r="G295" s="274"/>
      <c r="H295" s="330"/>
      <c r="I295" s="334"/>
      <c r="J295" s="138"/>
      <c r="K295" s="85"/>
      <c r="L295" s="250"/>
      <c r="M295" s="250"/>
    </row>
    <row r="296" spans="1:22" s="98" customFormat="1" ht="34.5" customHeight="1" x14ac:dyDescent="0.15">
      <c r="A296" s="188"/>
      <c r="B296" s="137"/>
      <c r="C296" s="331"/>
      <c r="D296" s="332"/>
      <c r="E296" s="332"/>
      <c r="F296" s="332"/>
      <c r="G296" s="332"/>
      <c r="H296" s="333"/>
      <c r="I296" s="334"/>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4</v>
      </c>
      <c r="M313" s="56" t="s">
        <v>438</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5</v>
      </c>
      <c r="M314" s="60" t="s">
        <v>439</v>
      </c>
      <c r="N314" s="8"/>
      <c r="O314" s="8"/>
      <c r="P314" s="8"/>
      <c r="Q314" s="8"/>
      <c r="R314" s="8"/>
      <c r="S314" s="8"/>
      <c r="T314" s="8"/>
      <c r="U314" s="8"/>
      <c r="V314" s="8"/>
    </row>
    <row r="315" spans="1:22" s="70" customFormat="1" ht="34.5" customHeight="1" x14ac:dyDescent="0.15">
      <c r="A315" s="193" t="s">
        <v>350</v>
      </c>
      <c r="B315" s="71"/>
      <c r="C315" s="311" t="s">
        <v>138</v>
      </c>
      <c r="D315" s="300" t="s">
        <v>139</v>
      </c>
      <c r="E315" s="301"/>
      <c r="F315" s="301"/>
      <c r="G315" s="301"/>
      <c r="H315" s="302"/>
      <c r="I315" s="269" t="s">
        <v>351</v>
      </c>
      <c r="J315" s="114">
        <f t="shared" ref="J315:J320" si="5">IF(SUM(L315:M315)=0,IF(COUNTIF(L315:M315,"未確認")&gt;0,"未確認",IF(COUNTIF(L315:M315,"~*")&gt;0,"*",SUM(L315:M315))),SUM(L315:M315))</f>
        <v>834</v>
      </c>
      <c r="K315" s="68" t="str">
        <f t="shared" ref="K315:K320" si="6">IF(OR(COUNTIF(L315:M315,"未確認")&gt;0,COUNTIF(L315:M315,"~*")&gt;0),"※","")</f>
        <v/>
      </c>
      <c r="L315" s="117">
        <v>691</v>
      </c>
      <c r="M315" s="117">
        <v>143</v>
      </c>
    </row>
    <row r="316" spans="1:22" s="70" customFormat="1" ht="34.5" customHeight="1" x14ac:dyDescent="0.15">
      <c r="A316" s="193" t="s">
        <v>352</v>
      </c>
      <c r="B316" s="71"/>
      <c r="C316" s="325"/>
      <c r="D316" s="322"/>
      <c r="E316" s="292" t="s">
        <v>140</v>
      </c>
      <c r="F316" s="293"/>
      <c r="G316" s="293"/>
      <c r="H316" s="294"/>
      <c r="I316" s="298"/>
      <c r="J316" s="114">
        <f t="shared" si="5"/>
        <v>632</v>
      </c>
      <c r="K316" s="68" t="str">
        <f t="shared" si="6"/>
        <v/>
      </c>
      <c r="L316" s="117">
        <v>490</v>
      </c>
      <c r="M316" s="117">
        <v>142</v>
      </c>
    </row>
    <row r="317" spans="1:22" s="70" customFormat="1" ht="34.5" customHeight="1" x14ac:dyDescent="0.15">
      <c r="A317" s="194" t="s">
        <v>353</v>
      </c>
      <c r="B317" s="71"/>
      <c r="C317" s="325"/>
      <c r="D317" s="323"/>
      <c r="E317" s="292" t="s">
        <v>141</v>
      </c>
      <c r="F317" s="293"/>
      <c r="G317" s="293"/>
      <c r="H317" s="294"/>
      <c r="I317" s="298"/>
      <c r="J317" s="114">
        <f t="shared" si="5"/>
        <v>132</v>
      </c>
      <c r="K317" s="68" t="str">
        <f t="shared" si="6"/>
        <v/>
      </c>
      <c r="L317" s="117">
        <v>132</v>
      </c>
      <c r="M317" s="117">
        <v>0</v>
      </c>
    </row>
    <row r="318" spans="1:22" s="70" customFormat="1" ht="34.5" customHeight="1" x14ac:dyDescent="0.15">
      <c r="A318" s="194" t="s">
        <v>354</v>
      </c>
      <c r="B318" s="71"/>
      <c r="C318" s="325"/>
      <c r="D318" s="324"/>
      <c r="E318" s="292" t="s">
        <v>142</v>
      </c>
      <c r="F318" s="293"/>
      <c r="G318" s="293"/>
      <c r="H318" s="294"/>
      <c r="I318" s="298"/>
      <c r="J318" s="114">
        <f t="shared" si="5"/>
        <v>70</v>
      </c>
      <c r="K318" s="68" t="str">
        <f t="shared" si="6"/>
        <v/>
      </c>
      <c r="L318" s="117">
        <v>69</v>
      </c>
      <c r="M318" s="117">
        <v>1</v>
      </c>
    </row>
    <row r="319" spans="1:22" s="70" customFormat="1" ht="34.5" customHeight="1" x14ac:dyDescent="0.15">
      <c r="A319" s="194" t="s">
        <v>355</v>
      </c>
      <c r="B319" s="1"/>
      <c r="C319" s="325"/>
      <c r="D319" s="292" t="s">
        <v>143</v>
      </c>
      <c r="E319" s="293"/>
      <c r="F319" s="293"/>
      <c r="G319" s="293"/>
      <c r="H319" s="294"/>
      <c r="I319" s="298"/>
      <c r="J319" s="114">
        <f t="shared" si="5"/>
        <v>32949</v>
      </c>
      <c r="K319" s="68" t="str">
        <f t="shared" si="6"/>
        <v/>
      </c>
      <c r="L319" s="117">
        <v>17674</v>
      </c>
      <c r="M319" s="117">
        <v>15275</v>
      </c>
    </row>
    <row r="320" spans="1:22" s="70" customFormat="1" ht="34.5" customHeight="1" x14ac:dyDescent="0.15">
      <c r="A320" s="194" t="s">
        <v>356</v>
      </c>
      <c r="B320" s="99"/>
      <c r="C320" s="325"/>
      <c r="D320" s="292" t="s">
        <v>144</v>
      </c>
      <c r="E320" s="293"/>
      <c r="F320" s="293"/>
      <c r="G320" s="293"/>
      <c r="H320" s="294"/>
      <c r="I320" s="299"/>
      <c r="J320" s="114">
        <f t="shared" si="5"/>
        <v>835</v>
      </c>
      <c r="K320" s="68" t="str">
        <f t="shared" si="6"/>
        <v/>
      </c>
      <c r="L320" s="117">
        <v>692</v>
      </c>
      <c r="M320" s="117">
        <v>143</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4</v>
      </c>
      <c r="M326" s="56" t="s">
        <v>438</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5</v>
      </c>
      <c r="M327" s="60" t="s">
        <v>439</v>
      </c>
      <c r="N327" s="8"/>
      <c r="O327" s="8"/>
      <c r="P327" s="8"/>
      <c r="Q327" s="8"/>
      <c r="R327" s="8"/>
      <c r="S327" s="8"/>
      <c r="T327" s="8"/>
      <c r="U327" s="8"/>
      <c r="V327" s="8"/>
    </row>
    <row r="328" spans="1:22" s="70" customFormat="1" ht="34.5" customHeight="1" x14ac:dyDescent="0.15">
      <c r="A328" s="195" t="s">
        <v>357</v>
      </c>
      <c r="B328" s="99"/>
      <c r="C328" s="311" t="s">
        <v>158</v>
      </c>
      <c r="D328" s="292" t="s">
        <v>159</v>
      </c>
      <c r="E328" s="293"/>
      <c r="F328" s="293"/>
      <c r="G328" s="293"/>
      <c r="H328" s="294"/>
      <c r="I328" s="269" t="s">
        <v>358</v>
      </c>
      <c r="J328" s="114">
        <f t="shared" ref="J328:J345" si="7">IF(SUM(L328:M328)=0,IF(COUNTIF(L328:M328,"未確認")&gt;0,"未確認",IF(COUNTIF(L328:M328,"~*")&gt;0,"*",SUM(L328:M328))),SUM(L328:M328))</f>
        <v>834</v>
      </c>
      <c r="K328" s="68" t="str">
        <f t="shared" ref="K328:K345" si="8">IF(OR(COUNTIF(L328:M328,"未確認")&gt;0,COUNTIF(L328:M328,"~*")&gt;0),"※","")</f>
        <v/>
      </c>
      <c r="L328" s="117">
        <v>691</v>
      </c>
      <c r="M328" s="117">
        <v>143</v>
      </c>
    </row>
    <row r="329" spans="1:22" s="70" customFormat="1" ht="34.5" customHeight="1" x14ac:dyDescent="0.15">
      <c r="A329" s="195" t="s">
        <v>359</v>
      </c>
      <c r="B329" s="99"/>
      <c r="C329" s="311"/>
      <c r="D329" s="312" t="s">
        <v>145</v>
      </c>
      <c r="E329" s="314" t="s">
        <v>146</v>
      </c>
      <c r="F329" s="315"/>
      <c r="G329" s="315"/>
      <c r="H329" s="316"/>
      <c r="I329" s="303"/>
      <c r="J329" s="114">
        <f t="shared" si="7"/>
        <v>144</v>
      </c>
      <c r="K329" s="68" t="str">
        <f t="shared" si="8"/>
        <v/>
      </c>
      <c r="L329" s="117">
        <v>2</v>
      </c>
      <c r="M329" s="117">
        <v>142</v>
      </c>
    </row>
    <row r="330" spans="1:22" s="70" customFormat="1" ht="34.5" customHeight="1" x14ac:dyDescent="0.15">
      <c r="A330" s="195" t="s">
        <v>360</v>
      </c>
      <c r="B330" s="99"/>
      <c r="C330" s="311"/>
      <c r="D330" s="311"/>
      <c r="E330" s="292" t="s">
        <v>147</v>
      </c>
      <c r="F330" s="293"/>
      <c r="G330" s="293"/>
      <c r="H330" s="294"/>
      <c r="I330" s="303"/>
      <c r="J330" s="114">
        <f t="shared" si="7"/>
        <v>272</v>
      </c>
      <c r="K330" s="68" t="str">
        <f t="shared" si="8"/>
        <v/>
      </c>
      <c r="L330" s="117">
        <v>272</v>
      </c>
      <c r="M330" s="117">
        <v>0</v>
      </c>
    </row>
    <row r="331" spans="1:22" s="70" customFormat="1" ht="34.5" customHeight="1" x14ac:dyDescent="0.15">
      <c r="A331" s="195" t="s">
        <v>361</v>
      </c>
      <c r="B331" s="99"/>
      <c r="C331" s="311"/>
      <c r="D331" s="311"/>
      <c r="E331" s="292" t="s">
        <v>148</v>
      </c>
      <c r="F331" s="293"/>
      <c r="G331" s="293"/>
      <c r="H331" s="294"/>
      <c r="I331" s="303"/>
      <c r="J331" s="114">
        <f t="shared" si="7"/>
        <v>324</v>
      </c>
      <c r="K331" s="68" t="str">
        <f t="shared" si="8"/>
        <v/>
      </c>
      <c r="L331" s="117">
        <v>324</v>
      </c>
      <c r="M331" s="117">
        <v>0</v>
      </c>
    </row>
    <row r="332" spans="1:22" s="70" customFormat="1" ht="34.5" customHeight="1" x14ac:dyDescent="0.15">
      <c r="A332" s="195" t="s">
        <v>362</v>
      </c>
      <c r="B332" s="99"/>
      <c r="C332" s="311"/>
      <c r="D332" s="311"/>
      <c r="E332" s="261" t="s">
        <v>246</v>
      </c>
      <c r="F332" s="262"/>
      <c r="G332" s="262"/>
      <c r="H332" s="263"/>
      <c r="I332" s="303"/>
      <c r="J332" s="114">
        <f t="shared" si="7"/>
        <v>89</v>
      </c>
      <c r="K332" s="68" t="str">
        <f t="shared" si="8"/>
        <v/>
      </c>
      <c r="L332" s="117">
        <v>89</v>
      </c>
      <c r="M332" s="117">
        <v>0</v>
      </c>
    </row>
    <row r="333" spans="1:22" s="70" customFormat="1" ht="34.5" customHeight="1" x14ac:dyDescent="0.15">
      <c r="A333" s="195" t="s">
        <v>363</v>
      </c>
      <c r="B333" s="99"/>
      <c r="C333" s="311"/>
      <c r="D333" s="311"/>
      <c r="E333" s="261" t="s">
        <v>247</v>
      </c>
      <c r="F333" s="262"/>
      <c r="G333" s="262"/>
      <c r="H333" s="263"/>
      <c r="I333" s="303"/>
      <c r="J333" s="114">
        <f t="shared" si="7"/>
        <v>5</v>
      </c>
      <c r="K333" s="68" t="str">
        <f t="shared" si="8"/>
        <v/>
      </c>
      <c r="L333" s="117">
        <v>4</v>
      </c>
      <c r="M333" s="117">
        <v>1</v>
      </c>
    </row>
    <row r="334" spans="1:22" s="70" customFormat="1" ht="34.5" customHeight="1" x14ac:dyDescent="0.15">
      <c r="A334" s="195" t="s">
        <v>364</v>
      </c>
      <c r="B334" s="99"/>
      <c r="C334" s="311"/>
      <c r="D334" s="311"/>
      <c r="E334" s="292" t="s">
        <v>149</v>
      </c>
      <c r="F334" s="293"/>
      <c r="G334" s="293"/>
      <c r="H334" s="294"/>
      <c r="I334" s="303"/>
      <c r="J334" s="114">
        <f t="shared" si="7"/>
        <v>0</v>
      </c>
      <c r="K334" s="68" t="str">
        <f t="shared" si="8"/>
        <v/>
      </c>
      <c r="L334" s="117">
        <v>0</v>
      </c>
      <c r="M334" s="117">
        <v>0</v>
      </c>
    </row>
    <row r="335" spans="1:22" s="70" customFormat="1" ht="34.5" customHeight="1" x14ac:dyDescent="0.15">
      <c r="A335" s="195" t="s">
        <v>365</v>
      </c>
      <c r="B335" s="99"/>
      <c r="C335" s="311"/>
      <c r="D335" s="313"/>
      <c r="E335" s="300" t="s">
        <v>87</v>
      </c>
      <c r="F335" s="301"/>
      <c r="G335" s="301"/>
      <c r="H335" s="302"/>
      <c r="I335" s="303"/>
      <c r="J335" s="114">
        <f t="shared" si="7"/>
        <v>0</v>
      </c>
      <c r="K335" s="68" t="str">
        <f t="shared" si="8"/>
        <v/>
      </c>
      <c r="L335" s="117">
        <v>0</v>
      </c>
      <c r="M335" s="117">
        <v>0</v>
      </c>
    </row>
    <row r="336" spans="1:22" s="70" customFormat="1" ht="34.5" customHeight="1" x14ac:dyDescent="0.15">
      <c r="A336" s="195" t="s">
        <v>366</v>
      </c>
      <c r="B336" s="99"/>
      <c r="C336" s="311"/>
      <c r="D336" s="292" t="s">
        <v>160</v>
      </c>
      <c r="E336" s="293"/>
      <c r="F336" s="293"/>
      <c r="G336" s="293"/>
      <c r="H336" s="294"/>
      <c r="I336" s="303"/>
      <c r="J336" s="114">
        <f t="shared" si="7"/>
        <v>836</v>
      </c>
      <c r="K336" s="68" t="str">
        <f t="shared" si="8"/>
        <v/>
      </c>
      <c r="L336" s="117">
        <v>693</v>
      </c>
      <c r="M336" s="117">
        <v>143</v>
      </c>
    </row>
    <row r="337" spans="1:22" s="70" customFormat="1" ht="34.5" customHeight="1" x14ac:dyDescent="0.15">
      <c r="A337" s="195" t="s">
        <v>367</v>
      </c>
      <c r="B337" s="99"/>
      <c r="C337" s="311"/>
      <c r="D337" s="312" t="s">
        <v>150</v>
      </c>
      <c r="E337" s="314" t="s">
        <v>151</v>
      </c>
      <c r="F337" s="315"/>
      <c r="G337" s="315"/>
      <c r="H337" s="316"/>
      <c r="I337" s="303"/>
      <c r="J337" s="114">
        <f t="shared" si="7"/>
        <v>144</v>
      </c>
      <c r="K337" s="68" t="str">
        <f t="shared" si="8"/>
        <v/>
      </c>
      <c r="L337" s="117">
        <v>142</v>
      </c>
      <c r="M337" s="117">
        <v>2</v>
      </c>
    </row>
    <row r="338" spans="1:22" s="70" customFormat="1" ht="34.5" customHeight="1" x14ac:dyDescent="0.15">
      <c r="A338" s="195" t="s">
        <v>368</v>
      </c>
      <c r="B338" s="99"/>
      <c r="C338" s="311"/>
      <c r="D338" s="311"/>
      <c r="E338" s="292" t="s">
        <v>152</v>
      </c>
      <c r="F338" s="293"/>
      <c r="G338" s="293"/>
      <c r="H338" s="294"/>
      <c r="I338" s="303"/>
      <c r="J338" s="114">
        <f t="shared" si="7"/>
        <v>300</v>
      </c>
      <c r="K338" s="68" t="str">
        <f t="shared" si="8"/>
        <v/>
      </c>
      <c r="L338" s="117">
        <v>297</v>
      </c>
      <c r="M338" s="117">
        <v>3</v>
      </c>
    </row>
    <row r="339" spans="1:22" s="70" customFormat="1" ht="34.5" customHeight="1" x14ac:dyDescent="0.15">
      <c r="A339" s="195" t="s">
        <v>369</v>
      </c>
      <c r="B339" s="99"/>
      <c r="C339" s="311"/>
      <c r="D339" s="311"/>
      <c r="E339" s="292" t="s">
        <v>153</v>
      </c>
      <c r="F339" s="293"/>
      <c r="G339" s="293"/>
      <c r="H339" s="294"/>
      <c r="I339" s="303"/>
      <c r="J339" s="114">
        <f t="shared" si="7"/>
        <v>32</v>
      </c>
      <c r="K339" s="68" t="str">
        <f t="shared" si="8"/>
        <v/>
      </c>
      <c r="L339" s="117">
        <v>30</v>
      </c>
      <c r="M339" s="117">
        <v>2</v>
      </c>
    </row>
    <row r="340" spans="1:22" s="70" customFormat="1" ht="34.5" customHeight="1" x14ac:dyDescent="0.15">
      <c r="A340" s="195" t="s">
        <v>370</v>
      </c>
      <c r="B340" s="99"/>
      <c r="C340" s="311"/>
      <c r="D340" s="311"/>
      <c r="E340" s="292" t="s">
        <v>154</v>
      </c>
      <c r="F340" s="293"/>
      <c r="G340" s="293"/>
      <c r="H340" s="294"/>
      <c r="I340" s="303"/>
      <c r="J340" s="114">
        <f t="shared" si="7"/>
        <v>35</v>
      </c>
      <c r="K340" s="68" t="str">
        <f t="shared" si="8"/>
        <v/>
      </c>
      <c r="L340" s="117">
        <v>35</v>
      </c>
      <c r="M340" s="117">
        <v>0</v>
      </c>
    </row>
    <row r="341" spans="1:22" s="70" customFormat="1" ht="34.5" customHeight="1" x14ac:dyDescent="0.15">
      <c r="A341" s="195" t="s">
        <v>371</v>
      </c>
      <c r="B341" s="99"/>
      <c r="C341" s="311"/>
      <c r="D341" s="311"/>
      <c r="E341" s="292" t="s">
        <v>155</v>
      </c>
      <c r="F341" s="293"/>
      <c r="G341" s="293"/>
      <c r="H341" s="294"/>
      <c r="I341" s="303"/>
      <c r="J341" s="114">
        <f t="shared" si="7"/>
        <v>12</v>
      </c>
      <c r="K341" s="68" t="str">
        <f t="shared" si="8"/>
        <v/>
      </c>
      <c r="L341" s="117">
        <v>11</v>
      </c>
      <c r="M341" s="117">
        <v>1</v>
      </c>
    </row>
    <row r="342" spans="1:22" s="70" customFormat="1" ht="34.5" customHeight="1" x14ac:dyDescent="0.15">
      <c r="A342" s="195" t="s">
        <v>372</v>
      </c>
      <c r="B342" s="99"/>
      <c r="C342" s="311"/>
      <c r="D342" s="311"/>
      <c r="E342" s="261" t="s">
        <v>200</v>
      </c>
      <c r="F342" s="262"/>
      <c r="G342" s="262"/>
      <c r="H342" s="263"/>
      <c r="I342" s="303"/>
      <c r="J342" s="114">
        <f t="shared" si="7"/>
        <v>42</v>
      </c>
      <c r="K342" s="68" t="str">
        <f t="shared" si="8"/>
        <v/>
      </c>
      <c r="L342" s="117">
        <v>35</v>
      </c>
      <c r="M342" s="117">
        <v>7</v>
      </c>
    </row>
    <row r="343" spans="1:22" s="70" customFormat="1" ht="34.5" customHeight="1" x14ac:dyDescent="0.15">
      <c r="A343" s="195" t="s">
        <v>373</v>
      </c>
      <c r="B343" s="99"/>
      <c r="C343" s="311"/>
      <c r="D343" s="311"/>
      <c r="E343" s="292" t="s">
        <v>156</v>
      </c>
      <c r="F343" s="293"/>
      <c r="G343" s="293"/>
      <c r="H343" s="294"/>
      <c r="I343" s="303"/>
      <c r="J343" s="114">
        <f t="shared" si="7"/>
        <v>59</v>
      </c>
      <c r="K343" s="68" t="str">
        <f t="shared" si="8"/>
        <v/>
      </c>
      <c r="L343" s="117">
        <v>54</v>
      </c>
      <c r="M343" s="117">
        <v>5</v>
      </c>
    </row>
    <row r="344" spans="1:22" s="70" customFormat="1" ht="34.5" customHeight="1" x14ac:dyDescent="0.15">
      <c r="A344" s="195" t="s">
        <v>374</v>
      </c>
      <c r="B344" s="99"/>
      <c r="C344" s="311"/>
      <c r="D344" s="311"/>
      <c r="E344" s="292" t="s">
        <v>157</v>
      </c>
      <c r="F344" s="293"/>
      <c r="G344" s="293"/>
      <c r="H344" s="294"/>
      <c r="I344" s="303"/>
      <c r="J344" s="114">
        <f t="shared" si="7"/>
        <v>212</v>
      </c>
      <c r="K344" s="68" t="str">
        <f t="shared" si="8"/>
        <v/>
      </c>
      <c r="L344" s="117">
        <v>89</v>
      </c>
      <c r="M344" s="117">
        <v>123</v>
      </c>
    </row>
    <row r="345" spans="1:22" s="70" customFormat="1" ht="34.5" customHeight="1" x14ac:dyDescent="0.15">
      <c r="A345" s="195" t="s">
        <v>375</v>
      </c>
      <c r="B345" s="99"/>
      <c r="C345" s="311"/>
      <c r="D345" s="311"/>
      <c r="E345" s="292" t="s">
        <v>87</v>
      </c>
      <c r="F345" s="293"/>
      <c r="G345" s="293"/>
      <c r="H345" s="294"/>
      <c r="I345" s="304"/>
      <c r="J345" s="114">
        <f t="shared" si="7"/>
        <v>0</v>
      </c>
      <c r="K345" s="68" t="str">
        <f t="shared" si="8"/>
        <v/>
      </c>
      <c r="L345" s="117">
        <v>0</v>
      </c>
      <c r="M345" s="117">
        <v>0</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4</v>
      </c>
      <c r="M351" s="56" t="s">
        <v>438</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5</v>
      </c>
      <c r="M352" s="60" t="s">
        <v>439</v>
      </c>
      <c r="N352" s="8"/>
      <c r="O352" s="8"/>
      <c r="P352" s="8"/>
      <c r="Q352" s="8"/>
      <c r="R352" s="8"/>
      <c r="S352" s="8"/>
      <c r="T352" s="8"/>
      <c r="U352" s="8"/>
      <c r="V352" s="8"/>
    </row>
    <row r="353" spans="1:22" s="70" customFormat="1" ht="34.5" customHeight="1" x14ac:dyDescent="0.15">
      <c r="A353" s="195" t="s">
        <v>376</v>
      </c>
      <c r="B353" s="99"/>
      <c r="C353" s="300" t="s">
        <v>162</v>
      </c>
      <c r="D353" s="301"/>
      <c r="E353" s="301"/>
      <c r="F353" s="301"/>
      <c r="G353" s="301"/>
      <c r="H353" s="302"/>
      <c r="I353" s="269" t="s">
        <v>377</v>
      </c>
      <c r="J353" s="155">
        <f>IF(SUM(L353:M353)=0,IF(COUNTIF(L353:M353,"未確認")&gt;0,"未確認",IF(COUNTIF(L353:M353,"~*")&gt;0,"*",SUM(L353:M353))),SUM(L353:M353))</f>
        <v>836</v>
      </c>
      <c r="K353" s="156" t="str">
        <f>IF(OR(COUNTIF(L353:M353,"未確認")&gt;0,COUNTIF(L353:M353,"~*")&gt;0),"※","")</f>
        <v/>
      </c>
      <c r="L353" s="117">
        <v>693</v>
      </c>
      <c r="M353" s="117">
        <v>143</v>
      </c>
    </row>
    <row r="354" spans="1:22" s="70" customFormat="1" ht="34.5" customHeight="1" x14ac:dyDescent="0.15">
      <c r="A354" s="194" t="s">
        <v>378</v>
      </c>
      <c r="B354" s="99"/>
      <c r="C354" s="151"/>
      <c r="D354" s="152"/>
      <c r="E354" s="308" t="s">
        <v>379</v>
      </c>
      <c r="F354" s="309"/>
      <c r="G354" s="309"/>
      <c r="H354" s="310"/>
      <c r="I354" s="303"/>
      <c r="J354" s="155">
        <f>IF(SUM(L354:M354)=0,IF(COUNTIF(L354:M354,"未確認")&gt;0,"未確認",IF(COUNTIF(L354:M354,"~*")&gt;0,"*",SUM(L354:M354))),SUM(L354:M354))</f>
        <v>18</v>
      </c>
      <c r="K354" s="156" t="str">
        <f>IF(OR(COUNTIF(L354:M354,"未確認")&gt;0,COUNTIF(L354:M354,"~*")&gt;0),"※","")</f>
        <v/>
      </c>
      <c r="L354" s="117">
        <v>17</v>
      </c>
      <c r="M354" s="117">
        <v>1</v>
      </c>
    </row>
    <row r="355" spans="1:22" s="70" customFormat="1" ht="34.5" customHeight="1" x14ac:dyDescent="0.15">
      <c r="A355" s="194" t="s">
        <v>380</v>
      </c>
      <c r="B355" s="99"/>
      <c r="C355" s="151"/>
      <c r="D355" s="152"/>
      <c r="E355" s="308" t="s">
        <v>381</v>
      </c>
      <c r="F355" s="309"/>
      <c r="G355" s="309"/>
      <c r="H355" s="310"/>
      <c r="I355" s="303"/>
      <c r="J355" s="155">
        <f>IF(SUM(L355:M355)=0,IF(COUNTIF(L355:M355,"未確認")&gt;0,"未確認",IF(COUNTIF(L355:M355,"~*")&gt;0,"*",SUM(L355:M355))),SUM(L355:M355))</f>
        <v>59</v>
      </c>
      <c r="K355" s="156" t="str">
        <f>IF(OR(COUNTIF(L355:M355,"未確認")&gt;0,COUNTIF(L355:M355,"~*")&gt;0),"※","")</f>
        <v/>
      </c>
      <c r="L355" s="117">
        <v>55</v>
      </c>
      <c r="M355" s="117">
        <v>4</v>
      </c>
    </row>
    <row r="356" spans="1:22" s="70" customFormat="1" ht="34.5" customHeight="1" x14ac:dyDescent="0.15">
      <c r="A356" s="194" t="s">
        <v>382</v>
      </c>
      <c r="B356" s="99"/>
      <c r="C356" s="151"/>
      <c r="D356" s="152"/>
      <c r="E356" s="308" t="s">
        <v>383</v>
      </c>
      <c r="F356" s="309"/>
      <c r="G356" s="309"/>
      <c r="H356" s="310"/>
      <c r="I356" s="303"/>
      <c r="J356" s="155">
        <f>IF(SUM(L356:M356)=0,IF(COUNTIF(L356:M356,"未確認")&gt;0,"未確認",IF(COUNTIF(L356:M356,"~*")&gt;0,"*",SUM(L356:M356))),SUM(L356:M356))</f>
        <v>614</v>
      </c>
      <c r="K356" s="156" t="str">
        <f>IF(OR(COUNTIF(L356:M356,"未確認")&gt;0,COUNTIF(L356:M356,"~*")&gt;0),"※","")</f>
        <v/>
      </c>
      <c r="L356" s="117">
        <v>478</v>
      </c>
      <c r="M356" s="117">
        <v>136</v>
      </c>
    </row>
    <row r="357" spans="1:22" s="70" customFormat="1" ht="34.5" customHeight="1" x14ac:dyDescent="0.15">
      <c r="A357" s="195" t="s">
        <v>384</v>
      </c>
      <c r="B357" s="1"/>
      <c r="C357" s="153"/>
      <c r="D357" s="154"/>
      <c r="E357" s="308" t="s">
        <v>385</v>
      </c>
      <c r="F357" s="309"/>
      <c r="G357" s="309"/>
      <c r="H357" s="310"/>
      <c r="I357" s="304"/>
      <c r="J357" s="155">
        <f>IF(SUM(L357:M357)=0,IF(COUNTIF(L357:M357,"未確認")&gt;0,"未確認",IF(COUNTIF(L357:M357,"~*")&gt;0,"*",SUM(L357:M357))),SUM(L357:M357))</f>
        <v>1</v>
      </c>
      <c r="K357" s="156" t="str">
        <f>IF(OR(COUNTIF(L357:M357,"未確認")&gt;0,COUNTIF(L357:M357,"~*")&gt;0),"※","")</f>
        <v/>
      </c>
      <c r="L357" s="117">
        <v>1</v>
      </c>
      <c r="M357" s="117">
        <v>0</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4</v>
      </c>
      <c r="M364" s="56" t="s">
        <v>438</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5</v>
      </c>
      <c r="M365" s="60" t="s">
        <v>439</v>
      </c>
      <c r="N365" s="8"/>
      <c r="O365" s="8"/>
      <c r="P365" s="8"/>
      <c r="Q365" s="8"/>
      <c r="R365" s="8"/>
      <c r="S365" s="8"/>
      <c r="T365" s="8"/>
      <c r="U365" s="8"/>
      <c r="V365" s="8"/>
    </row>
    <row r="366" spans="1:22" s="70" customFormat="1" ht="34.5" customHeight="1" x14ac:dyDescent="0.15">
      <c r="A366" s="195" t="s">
        <v>386</v>
      </c>
      <c r="B366" s="99"/>
      <c r="C366" s="305" t="s">
        <v>387</v>
      </c>
      <c r="D366" s="306"/>
      <c r="E366" s="306"/>
      <c r="F366" s="306"/>
      <c r="G366" s="306"/>
      <c r="H366" s="307"/>
      <c r="I366" s="269" t="s">
        <v>388</v>
      </c>
      <c r="J366" s="155">
        <v>38</v>
      </c>
      <c r="K366" s="150" t="str">
        <f>IF(OR(COUNTIF(J366,"未確認")&gt;0,COUNTIF(J366,"~*")&gt;0),"※","")</f>
        <v/>
      </c>
      <c r="L366" s="209"/>
      <c r="M366" s="127"/>
    </row>
    <row r="367" spans="1:22" s="70" customFormat="1" ht="34.5" customHeight="1" x14ac:dyDescent="0.15">
      <c r="A367" s="195" t="s">
        <v>389</v>
      </c>
      <c r="B367" s="99"/>
      <c r="C367" s="151"/>
      <c r="D367" s="159"/>
      <c r="E367" s="292" t="s">
        <v>165</v>
      </c>
      <c r="F367" s="293"/>
      <c r="G367" s="293"/>
      <c r="H367" s="294"/>
      <c r="I367" s="271"/>
      <c r="J367" s="155">
        <v>1</v>
      </c>
      <c r="K367" s="150" t="str">
        <f t="shared" ref="K367:K371" si="9">IF(OR(COUNTIF(J367,"未確認")&gt;0,COUNTIF(J367,"~*")&gt;0),"※","")</f>
        <v/>
      </c>
      <c r="L367" s="210"/>
      <c r="M367" s="129"/>
    </row>
    <row r="368" spans="1:22" s="70" customFormat="1" ht="34.5" customHeight="1" x14ac:dyDescent="0.15">
      <c r="A368" s="195" t="s">
        <v>390</v>
      </c>
      <c r="B368" s="99"/>
      <c r="C368" s="153"/>
      <c r="D368" s="160"/>
      <c r="E368" s="292" t="s">
        <v>166</v>
      </c>
      <c r="F368" s="293"/>
      <c r="G368" s="293"/>
      <c r="H368" s="294"/>
      <c r="I368" s="271"/>
      <c r="J368" s="155">
        <v>37</v>
      </c>
      <c r="K368" s="150" t="str">
        <f t="shared" si="9"/>
        <v/>
      </c>
      <c r="L368" s="210"/>
      <c r="M368" s="129"/>
    </row>
    <row r="369" spans="1:13" s="70" customFormat="1" ht="34.5" customHeight="1" x14ac:dyDescent="0.15">
      <c r="A369" s="195" t="s">
        <v>391</v>
      </c>
      <c r="B369" s="99"/>
      <c r="C369" s="295" t="s">
        <v>392</v>
      </c>
      <c r="D369" s="296"/>
      <c r="E369" s="296"/>
      <c r="F369" s="296"/>
      <c r="G369" s="296"/>
      <c r="H369" s="297"/>
      <c r="I369" s="271"/>
      <c r="J369" s="155">
        <v>212</v>
      </c>
      <c r="K369" s="150" t="str">
        <f t="shared" si="9"/>
        <v/>
      </c>
      <c r="L369" s="210"/>
      <c r="M369" s="129"/>
    </row>
    <row r="370" spans="1:13" s="70" customFormat="1" ht="34.5" customHeight="1" x14ac:dyDescent="0.15">
      <c r="A370" s="195" t="s">
        <v>393</v>
      </c>
      <c r="B370" s="99"/>
      <c r="C370" s="151"/>
      <c r="D370" s="159"/>
      <c r="E370" s="292" t="s">
        <v>167</v>
      </c>
      <c r="F370" s="293"/>
      <c r="G370" s="293"/>
      <c r="H370" s="294"/>
      <c r="I370" s="271"/>
      <c r="J370" s="155">
        <v>212</v>
      </c>
      <c r="K370" s="150" t="str">
        <f t="shared" si="9"/>
        <v/>
      </c>
      <c r="L370" s="210"/>
      <c r="M370" s="129"/>
    </row>
    <row r="371" spans="1:13" s="70" customFormat="1" ht="34.5" customHeight="1" x14ac:dyDescent="0.15">
      <c r="A371" s="195" t="s">
        <v>394</v>
      </c>
      <c r="B371" s="99"/>
      <c r="C371" s="153"/>
      <c r="D371" s="160"/>
      <c r="E371" s="292" t="s">
        <v>168</v>
      </c>
      <c r="F371" s="293"/>
      <c r="G371" s="293"/>
      <c r="H371" s="294"/>
      <c r="I371" s="270"/>
      <c r="J371" s="155">
        <v>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34</v>
      </c>
      <c r="M389" s="253" t="s">
        <v>438</v>
      </c>
      <c r="N389" s="8"/>
      <c r="O389" s="8"/>
      <c r="P389" s="8"/>
      <c r="Q389" s="8"/>
      <c r="R389" s="8"/>
      <c r="S389" s="8"/>
      <c r="T389" s="8"/>
      <c r="U389" s="8"/>
      <c r="V389" s="8"/>
    </row>
    <row r="390" spans="1:22" ht="20.25" customHeight="1" x14ac:dyDescent="0.15">
      <c r="A390" s="188"/>
      <c r="B390" s="1"/>
      <c r="C390" s="290"/>
      <c r="D390" s="291"/>
      <c r="E390" s="291"/>
      <c r="F390" s="291"/>
      <c r="G390" s="88"/>
      <c r="H390" s="228"/>
      <c r="I390" s="57" t="s">
        <v>28</v>
      </c>
      <c r="J390" s="58"/>
      <c r="K390" s="149"/>
      <c r="L390" s="60" t="s">
        <v>435</v>
      </c>
      <c r="M390" s="60" t="s">
        <v>439</v>
      </c>
      <c r="N390" s="8"/>
      <c r="O390" s="8"/>
      <c r="P390" s="8"/>
      <c r="Q390" s="8"/>
      <c r="R390" s="8"/>
      <c r="S390" s="8"/>
      <c r="T390" s="8"/>
      <c r="U390" s="8"/>
      <c r="V390" s="8"/>
    </row>
    <row r="391" spans="1:22" s="77" customFormat="1" ht="34.5" customHeight="1" x14ac:dyDescent="0.15">
      <c r="A391" s="195" t="s">
        <v>203</v>
      </c>
      <c r="B391" s="164"/>
      <c r="C391" s="292" t="s">
        <v>172</v>
      </c>
      <c r="D391" s="293"/>
      <c r="E391" s="293"/>
      <c r="F391" s="293"/>
      <c r="G391" s="293"/>
      <c r="H391" s="294"/>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4</v>
      </c>
      <c r="M396" s="56" t="s">
        <v>438</v>
      </c>
    </row>
    <row r="397" spans="1:22" s="1" customFormat="1" ht="20.25" customHeight="1" x14ac:dyDescent="0.15">
      <c r="A397" s="188"/>
      <c r="C397" s="52"/>
      <c r="D397" s="3"/>
      <c r="E397" s="3"/>
      <c r="F397" s="3"/>
      <c r="G397" s="3"/>
      <c r="H397" s="228"/>
      <c r="I397" s="57" t="s">
        <v>28</v>
      </c>
      <c r="J397" s="58"/>
      <c r="K397" s="149"/>
      <c r="L397" s="60" t="s">
        <v>435</v>
      </c>
      <c r="M397" s="60" t="s">
        <v>439</v>
      </c>
    </row>
    <row r="398" spans="1:22" s="95" customFormat="1" ht="113.65" customHeight="1" x14ac:dyDescent="0.15">
      <c r="A398" s="195" t="s">
        <v>205</v>
      </c>
      <c r="B398" s="99"/>
      <c r="C398" s="261" t="s">
        <v>204</v>
      </c>
      <c r="D398" s="262"/>
      <c r="E398" s="262"/>
      <c r="F398" s="262"/>
      <c r="G398" s="262"/>
      <c r="H398" s="263"/>
      <c r="I398" s="237" t="s">
        <v>395</v>
      </c>
      <c r="J398" s="175"/>
      <c r="K398" s="187"/>
      <c r="L398" s="169" t="s">
        <v>432</v>
      </c>
      <c r="M398" s="169" t="s">
        <v>437</v>
      </c>
    </row>
    <row r="399" spans="1:22" s="77" customFormat="1" ht="65.099999999999994" customHeight="1" x14ac:dyDescent="0.15">
      <c r="A399" s="188"/>
      <c r="B399" s="99"/>
      <c r="C399" s="264" t="s">
        <v>396</v>
      </c>
      <c r="D399" s="265"/>
      <c r="E399" s="265"/>
      <c r="F399" s="265"/>
      <c r="G399" s="265"/>
      <c r="H399" s="266"/>
      <c r="I399" s="269" t="s">
        <v>175</v>
      </c>
      <c r="J399" s="165"/>
      <c r="K399" s="166"/>
      <c r="L399" s="103"/>
      <c r="M399" s="107"/>
    </row>
    <row r="400" spans="1:22" s="77" customFormat="1" ht="34.5" customHeight="1" x14ac:dyDescent="0.15">
      <c r="A400" s="195" t="s">
        <v>206</v>
      </c>
      <c r="B400" s="99"/>
      <c r="C400" s="167"/>
      <c r="D400" s="258" t="s">
        <v>397</v>
      </c>
      <c r="E400" s="259"/>
      <c r="F400" s="259"/>
      <c r="G400" s="259"/>
      <c r="H400" s="260"/>
      <c r="I400" s="298"/>
      <c r="J400" s="165"/>
      <c r="K400" s="168"/>
      <c r="L400" s="169">
        <v>29.5</v>
      </c>
      <c r="M400" s="169">
        <v>0</v>
      </c>
    </row>
    <row r="401" spans="1:13" s="77" customFormat="1" ht="34.5" customHeight="1" x14ac:dyDescent="0.15">
      <c r="A401" s="195" t="s">
        <v>207</v>
      </c>
      <c r="B401" s="99"/>
      <c r="C401" s="167"/>
      <c r="D401" s="258" t="s">
        <v>398</v>
      </c>
      <c r="E401" s="259"/>
      <c r="F401" s="259"/>
      <c r="G401" s="259"/>
      <c r="H401" s="260"/>
      <c r="I401" s="298"/>
      <c r="J401" s="165"/>
      <c r="K401" s="168"/>
      <c r="L401" s="169">
        <v>11.8</v>
      </c>
      <c r="M401" s="169">
        <v>0</v>
      </c>
    </row>
    <row r="402" spans="1:13" s="77" customFormat="1" ht="34.5" customHeight="1" x14ac:dyDescent="0.15">
      <c r="A402" s="195" t="s">
        <v>208</v>
      </c>
      <c r="B402" s="99"/>
      <c r="C402" s="167"/>
      <c r="D402" s="258" t="s">
        <v>399</v>
      </c>
      <c r="E402" s="259"/>
      <c r="F402" s="259"/>
      <c r="G402" s="259"/>
      <c r="H402" s="260"/>
      <c r="I402" s="298"/>
      <c r="J402" s="165"/>
      <c r="K402" s="168"/>
      <c r="L402" s="169">
        <v>11.3</v>
      </c>
      <c r="M402" s="169">
        <v>0</v>
      </c>
    </row>
    <row r="403" spans="1:13" s="77" customFormat="1" ht="34.5" customHeight="1" x14ac:dyDescent="0.15">
      <c r="A403" s="195" t="s">
        <v>209</v>
      </c>
      <c r="B403" s="99"/>
      <c r="C403" s="167"/>
      <c r="D403" s="258" t="s">
        <v>400</v>
      </c>
      <c r="E403" s="259"/>
      <c r="F403" s="259"/>
      <c r="G403" s="259"/>
      <c r="H403" s="260"/>
      <c r="I403" s="298"/>
      <c r="J403" s="165"/>
      <c r="K403" s="168"/>
      <c r="L403" s="169">
        <v>4.9000000000000004</v>
      </c>
      <c r="M403" s="169">
        <v>0</v>
      </c>
    </row>
    <row r="404" spans="1:13" s="77" customFormat="1" ht="34.5" customHeight="1" x14ac:dyDescent="0.15">
      <c r="A404" s="195" t="s">
        <v>210</v>
      </c>
      <c r="B404" s="99"/>
      <c r="C404" s="167"/>
      <c r="D404" s="258" t="s">
        <v>401</v>
      </c>
      <c r="E404" s="259"/>
      <c r="F404" s="259"/>
      <c r="G404" s="259"/>
      <c r="H404" s="260"/>
      <c r="I404" s="298"/>
      <c r="J404" s="165"/>
      <c r="K404" s="168"/>
      <c r="L404" s="169">
        <v>1.8</v>
      </c>
      <c r="M404" s="169">
        <v>0</v>
      </c>
    </row>
    <row r="405" spans="1:13" s="77" customFormat="1" ht="34.5" customHeight="1" x14ac:dyDescent="0.15">
      <c r="A405" s="195" t="s">
        <v>211</v>
      </c>
      <c r="B405" s="99"/>
      <c r="C405" s="221"/>
      <c r="D405" s="258" t="s">
        <v>402</v>
      </c>
      <c r="E405" s="259"/>
      <c r="F405" s="259"/>
      <c r="G405" s="259"/>
      <c r="H405" s="260"/>
      <c r="I405" s="298"/>
      <c r="J405" s="165"/>
      <c r="K405" s="168"/>
      <c r="L405" s="169">
        <v>11.3</v>
      </c>
      <c r="M405" s="169">
        <v>0</v>
      </c>
    </row>
    <row r="406" spans="1:13" s="77" customFormat="1" ht="34.5" customHeight="1" x14ac:dyDescent="0.15">
      <c r="A406" s="195" t="s">
        <v>212</v>
      </c>
      <c r="B406" s="99"/>
      <c r="C406" s="226"/>
      <c r="D406" s="258" t="s">
        <v>403</v>
      </c>
      <c r="E406" s="259"/>
      <c r="F406" s="259"/>
      <c r="G406" s="259"/>
      <c r="H406" s="260"/>
      <c r="I406" s="298"/>
      <c r="J406" s="171"/>
      <c r="K406" s="172"/>
      <c r="L406" s="169">
        <v>15.4</v>
      </c>
      <c r="M406" s="169">
        <v>0</v>
      </c>
    </row>
    <row r="407" spans="1:13" s="77" customFormat="1" ht="42.75" customHeight="1" x14ac:dyDescent="0.15">
      <c r="A407" s="188"/>
      <c r="B407" s="99"/>
      <c r="C407" s="264" t="s">
        <v>404</v>
      </c>
      <c r="D407" s="265"/>
      <c r="E407" s="265"/>
      <c r="F407" s="265"/>
      <c r="G407" s="265"/>
      <c r="H407" s="266"/>
      <c r="I407" s="298"/>
      <c r="J407" s="165"/>
      <c r="K407" s="166"/>
      <c r="L407" s="103"/>
      <c r="M407" s="107"/>
    </row>
    <row r="408" spans="1:13" s="77" customFormat="1" ht="34.5" customHeight="1" x14ac:dyDescent="0.15">
      <c r="A408" s="195" t="s">
        <v>213</v>
      </c>
      <c r="B408" s="99"/>
      <c r="C408" s="167"/>
      <c r="D408" s="258" t="s">
        <v>397</v>
      </c>
      <c r="E408" s="259"/>
      <c r="F408" s="259"/>
      <c r="G408" s="259"/>
      <c r="H408" s="260"/>
      <c r="I408" s="298"/>
      <c r="J408" s="165"/>
      <c r="K408" s="168"/>
      <c r="L408" s="169">
        <v>0</v>
      </c>
      <c r="M408" s="169">
        <v>0</v>
      </c>
    </row>
    <row r="409" spans="1:13" s="77" customFormat="1" ht="34.5" customHeight="1" x14ac:dyDescent="0.15">
      <c r="A409" s="195" t="s">
        <v>214</v>
      </c>
      <c r="B409" s="99"/>
      <c r="C409" s="167"/>
      <c r="D409" s="258" t="s">
        <v>398</v>
      </c>
      <c r="E409" s="259"/>
      <c r="F409" s="259"/>
      <c r="G409" s="259"/>
      <c r="H409" s="260"/>
      <c r="I409" s="298"/>
      <c r="J409" s="165"/>
      <c r="K409" s="168"/>
      <c r="L409" s="169">
        <v>5.0999999999999996</v>
      </c>
      <c r="M409" s="169">
        <v>0</v>
      </c>
    </row>
    <row r="410" spans="1:13" s="77" customFormat="1" ht="34.5" customHeight="1" x14ac:dyDescent="0.15">
      <c r="A410" s="195" t="s">
        <v>215</v>
      </c>
      <c r="B410" s="99"/>
      <c r="C410" s="167"/>
      <c r="D410" s="258" t="s">
        <v>399</v>
      </c>
      <c r="E410" s="259"/>
      <c r="F410" s="259"/>
      <c r="G410" s="259"/>
      <c r="H410" s="260"/>
      <c r="I410" s="298"/>
      <c r="J410" s="165"/>
      <c r="K410" s="168"/>
      <c r="L410" s="169">
        <v>0.5</v>
      </c>
      <c r="M410" s="169">
        <v>0</v>
      </c>
    </row>
    <row r="411" spans="1:13" s="77" customFormat="1" ht="34.5" customHeight="1" x14ac:dyDescent="0.15">
      <c r="A411" s="195" t="s">
        <v>216</v>
      </c>
      <c r="B411" s="99"/>
      <c r="C411" s="167"/>
      <c r="D411" s="258" t="s">
        <v>400</v>
      </c>
      <c r="E411" s="259"/>
      <c r="F411" s="259"/>
      <c r="G411" s="259"/>
      <c r="H411" s="260"/>
      <c r="I411" s="298"/>
      <c r="J411" s="165"/>
      <c r="K411" s="168"/>
      <c r="L411" s="169">
        <v>1</v>
      </c>
      <c r="M411" s="169">
        <v>0</v>
      </c>
    </row>
    <row r="412" spans="1:13" s="77" customFormat="1" ht="34.5" customHeight="1" x14ac:dyDescent="0.15">
      <c r="A412" s="195" t="s">
        <v>217</v>
      </c>
      <c r="B412" s="99"/>
      <c r="C412" s="167"/>
      <c r="D412" s="258" t="s">
        <v>401</v>
      </c>
      <c r="E412" s="259"/>
      <c r="F412" s="259"/>
      <c r="G412" s="259"/>
      <c r="H412" s="260"/>
      <c r="I412" s="298"/>
      <c r="J412" s="165"/>
      <c r="K412" s="168"/>
      <c r="L412" s="169">
        <v>0</v>
      </c>
      <c r="M412" s="169">
        <v>0</v>
      </c>
    </row>
    <row r="413" spans="1:13" s="77" customFormat="1" ht="34.5" customHeight="1" x14ac:dyDescent="0.15">
      <c r="A413" s="195" t="s">
        <v>218</v>
      </c>
      <c r="B413" s="99"/>
      <c r="C413" s="167"/>
      <c r="D413" s="258" t="s">
        <v>402</v>
      </c>
      <c r="E413" s="259"/>
      <c r="F413" s="259"/>
      <c r="G413" s="259"/>
      <c r="H413" s="260"/>
      <c r="I413" s="298"/>
      <c r="J413" s="165"/>
      <c r="K413" s="168"/>
      <c r="L413" s="169">
        <v>0.8</v>
      </c>
      <c r="M413" s="169">
        <v>0</v>
      </c>
    </row>
    <row r="414" spans="1:13" s="77" customFormat="1" ht="34.5" customHeight="1" x14ac:dyDescent="0.15">
      <c r="A414" s="195" t="s">
        <v>219</v>
      </c>
      <c r="B414" s="99"/>
      <c r="C414" s="170"/>
      <c r="D414" s="258" t="s">
        <v>403</v>
      </c>
      <c r="E414" s="259"/>
      <c r="F414" s="259"/>
      <c r="G414" s="259"/>
      <c r="H414" s="260"/>
      <c r="I414" s="298"/>
      <c r="J414" s="171"/>
      <c r="K414" s="172"/>
      <c r="L414" s="169">
        <v>1.6</v>
      </c>
      <c r="M414" s="169">
        <v>0</v>
      </c>
    </row>
    <row r="415" spans="1:13" s="77" customFormat="1" ht="42.75" customHeight="1" x14ac:dyDescent="0.15">
      <c r="A415" s="188"/>
      <c r="B415" s="99"/>
      <c r="C415" s="264" t="s">
        <v>176</v>
      </c>
      <c r="D415" s="265"/>
      <c r="E415" s="265"/>
      <c r="F415" s="265"/>
      <c r="G415" s="265"/>
      <c r="H415" s="266"/>
      <c r="I415" s="298"/>
      <c r="J415" s="173"/>
      <c r="K415" s="166"/>
      <c r="L415" s="103"/>
      <c r="M415" s="107"/>
    </row>
    <row r="416" spans="1:13" s="77" customFormat="1" ht="34.5" customHeight="1" x14ac:dyDescent="0.15">
      <c r="A416" s="195" t="s">
        <v>220</v>
      </c>
      <c r="B416" s="99"/>
      <c r="C416" s="167"/>
      <c r="D416" s="258" t="s">
        <v>397</v>
      </c>
      <c r="E416" s="259"/>
      <c r="F416" s="259"/>
      <c r="G416" s="259"/>
      <c r="H416" s="260"/>
      <c r="I416" s="298"/>
      <c r="J416" s="165"/>
      <c r="K416" s="168"/>
      <c r="L416" s="169">
        <v>0</v>
      </c>
      <c r="M416" s="169">
        <v>0</v>
      </c>
    </row>
    <row r="417" spans="1:22" s="77" customFormat="1" ht="34.5" customHeight="1" x14ac:dyDescent="0.15">
      <c r="A417" s="195" t="s">
        <v>221</v>
      </c>
      <c r="B417" s="99"/>
      <c r="C417" s="167"/>
      <c r="D417" s="258" t="s">
        <v>398</v>
      </c>
      <c r="E417" s="259"/>
      <c r="F417" s="259"/>
      <c r="G417" s="259"/>
      <c r="H417" s="260"/>
      <c r="I417" s="298"/>
      <c r="J417" s="165"/>
      <c r="K417" s="168"/>
      <c r="L417" s="169">
        <v>0</v>
      </c>
      <c r="M417" s="169">
        <v>0</v>
      </c>
    </row>
    <row r="418" spans="1:22" s="77" customFormat="1" ht="34.5" customHeight="1" x14ac:dyDescent="0.15">
      <c r="A418" s="195" t="s">
        <v>222</v>
      </c>
      <c r="B418" s="99"/>
      <c r="C418" s="167"/>
      <c r="D418" s="258" t="s">
        <v>399</v>
      </c>
      <c r="E418" s="259"/>
      <c r="F418" s="259"/>
      <c r="G418" s="259"/>
      <c r="H418" s="260"/>
      <c r="I418" s="298"/>
      <c r="J418" s="165"/>
      <c r="K418" s="168"/>
      <c r="L418" s="169">
        <v>0</v>
      </c>
      <c r="M418" s="169">
        <v>0</v>
      </c>
    </row>
    <row r="419" spans="1:22" s="77" customFormat="1" ht="34.5" customHeight="1" x14ac:dyDescent="0.15">
      <c r="A419" s="195" t="s">
        <v>223</v>
      </c>
      <c r="B419" s="99"/>
      <c r="C419" s="167"/>
      <c r="D419" s="258" t="s">
        <v>400</v>
      </c>
      <c r="E419" s="259"/>
      <c r="F419" s="259"/>
      <c r="G419" s="259"/>
      <c r="H419" s="260"/>
      <c r="I419" s="298"/>
      <c r="J419" s="165"/>
      <c r="K419" s="168"/>
      <c r="L419" s="169">
        <v>0</v>
      </c>
      <c r="M419" s="169">
        <v>0</v>
      </c>
    </row>
    <row r="420" spans="1:22" s="77" customFormat="1" ht="34.5" customHeight="1" x14ac:dyDescent="0.15">
      <c r="A420" s="195" t="s">
        <v>224</v>
      </c>
      <c r="B420" s="99"/>
      <c r="C420" s="167"/>
      <c r="D420" s="258" t="s">
        <v>401</v>
      </c>
      <c r="E420" s="259"/>
      <c r="F420" s="259"/>
      <c r="G420" s="259"/>
      <c r="H420" s="260"/>
      <c r="I420" s="298"/>
      <c r="J420" s="165"/>
      <c r="K420" s="168"/>
      <c r="L420" s="169">
        <v>0</v>
      </c>
      <c r="M420" s="169">
        <v>0</v>
      </c>
    </row>
    <row r="421" spans="1:22" s="77" customFormat="1" ht="34.5" customHeight="1" x14ac:dyDescent="0.15">
      <c r="A421" s="195" t="s">
        <v>225</v>
      </c>
      <c r="B421" s="99"/>
      <c r="C421" s="167"/>
      <c r="D421" s="258" t="s">
        <v>402</v>
      </c>
      <c r="E421" s="259"/>
      <c r="F421" s="259"/>
      <c r="G421" s="259"/>
      <c r="H421" s="260"/>
      <c r="I421" s="298"/>
      <c r="J421" s="165"/>
      <c r="K421" s="168"/>
      <c r="L421" s="169">
        <v>0</v>
      </c>
      <c r="M421" s="169">
        <v>0</v>
      </c>
    </row>
    <row r="422" spans="1:22" s="77" customFormat="1" ht="34.5" customHeight="1" x14ac:dyDescent="0.15">
      <c r="A422" s="195" t="s">
        <v>226</v>
      </c>
      <c r="B422" s="99"/>
      <c r="C422" s="170"/>
      <c r="D422" s="258" t="s">
        <v>403</v>
      </c>
      <c r="E422" s="259"/>
      <c r="F422" s="259"/>
      <c r="G422" s="259"/>
      <c r="H422" s="260"/>
      <c r="I422" s="299"/>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4</v>
      </c>
      <c r="M428" s="56" t="s">
        <v>438</v>
      </c>
    </row>
    <row r="429" spans="1:22" s="1" customFormat="1" ht="19.899999999999999" customHeight="1" x14ac:dyDescent="0.15">
      <c r="A429" s="188"/>
      <c r="C429" s="52"/>
      <c r="D429" s="3"/>
      <c r="E429" s="3"/>
      <c r="F429" s="3"/>
      <c r="G429" s="3"/>
      <c r="H429" s="228"/>
      <c r="I429" s="57" t="s">
        <v>28</v>
      </c>
      <c r="J429" s="58"/>
      <c r="K429" s="149"/>
      <c r="L429" s="60" t="s">
        <v>435</v>
      </c>
      <c r="M429" s="60" t="s">
        <v>439</v>
      </c>
    </row>
    <row r="430" spans="1:22" s="95" customFormat="1" ht="35.1" customHeight="1" x14ac:dyDescent="0.15">
      <c r="A430" s="195" t="s">
        <v>227</v>
      </c>
      <c r="B430" s="71"/>
      <c r="C430" s="264" t="s">
        <v>248</v>
      </c>
      <c r="D430" s="265"/>
      <c r="E430" s="265"/>
      <c r="F430" s="265"/>
      <c r="G430" s="265"/>
      <c r="H430" s="266"/>
      <c r="I430" s="267" t="s">
        <v>178</v>
      </c>
      <c r="J430" s="114">
        <v>1624</v>
      </c>
      <c r="K430" s="163" t="str">
        <f>IF(OR(COUNTIF(L430:M430,"未確認")&gt;0,COUNTIF(L430:M430,"~*")&gt;0),"※","")</f>
        <v/>
      </c>
      <c r="L430" s="174"/>
      <c r="M430" s="174"/>
    </row>
    <row r="431" spans="1:22" s="95" customFormat="1" ht="35.1" customHeight="1" x14ac:dyDescent="0.15">
      <c r="A431" s="195" t="s">
        <v>228</v>
      </c>
      <c r="B431" s="71"/>
      <c r="C431" s="233"/>
      <c r="D431" s="234"/>
      <c r="E431" s="261" t="s">
        <v>179</v>
      </c>
      <c r="F431" s="262"/>
      <c r="G431" s="262"/>
      <c r="H431" s="263"/>
      <c r="I431" s="268"/>
      <c r="J431" s="114">
        <v>0</v>
      </c>
      <c r="K431" s="163" t="str">
        <f>IF(OR(COUNTIF(L431:M431,"未確認")&gt;0,COUNTIF(L431:M431,"~*")&gt;0),"※","")</f>
        <v/>
      </c>
      <c r="L431" s="174"/>
      <c r="M431" s="174"/>
    </row>
    <row r="432" spans="1:22" s="95" customFormat="1" ht="35.1" customHeight="1" x14ac:dyDescent="0.15">
      <c r="A432" s="195" t="s">
        <v>229</v>
      </c>
      <c r="B432" s="71"/>
      <c r="C432" s="264" t="s">
        <v>249</v>
      </c>
      <c r="D432" s="265"/>
      <c r="E432" s="265"/>
      <c r="F432" s="265"/>
      <c r="G432" s="265"/>
      <c r="H432" s="266"/>
      <c r="I432" s="269" t="s">
        <v>180</v>
      </c>
      <c r="J432" s="114">
        <v>106</v>
      </c>
      <c r="K432" s="163" t="str">
        <f>IF(OR(COUNTIF(L432:M432,"未確認")&gt;0,COUNTIF(L432:M432,"~*")&gt;0),"※","")</f>
        <v/>
      </c>
      <c r="L432" s="174"/>
      <c r="M432" s="174"/>
    </row>
    <row r="433" spans="1:22" s="95" customFormat="1" ht="35.1" customHeight="1" x14ac:dyDescent="0.15">
      <c r="A433" s="195" t="s">
        <v>230</v>
      </c>
      <c r="B433" s="71"/>
      <c r="C433" s="233"/>
      <c r="D433" s="234"/>
      <c r="E433" s="261" t="s">
        <v>179</v>
      </c>
      <c r="F433" s="262"/>
      <c r="G433" s="262"/>
      <c r="H433" s="263"/>
      <c r="I433" s="270"/>
      <c r="J433" s="114" t="s">
        <v>433</v>
      </c>
      <c r="K433" s="163" t="str">
        <f>IF(OR(COUNTIF(L433:M433,"未確認")&gt;0,COUNTIF(L433:M433,"~*")&gt;0),"※","")</f>
        <v/>
      </c>
      <c r="L433" s="174"/>
      <c r="M433" s="174"/>
    </row>
    <row r="434" spans="1:22" s="95" customFormat="1" ht="42" customHeight="1" x14ac:dyDescent="0.15">
      <c r="A434" s="195" t="s">
        <v>231</v>
      </c>
      <c r="B434" s="71"/>
      <c r="C434" s="261" t="s">
        <v>250</v>
      </c>
      <c r="D434" s="262"/>
      <c r="E434" s="262"/>
      <c r="F434" s="262"/>
      <c r="G434" s="262"/>
      <c r="H434" s="263"/>
      <c r="I434" s="101" t="s">
        <v>181</v>
      </c>
      <c r="J434" s="96">
        <v>34</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4</v>
      </c>
      <c r="M440" s="56" t="s">
        <v>438</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5</v>
      </c>
      <c r="M441" s="60" t="s">
        <v>439</v>
      </c>
      <c r="N441" s="8"/>
      <c r="O441" s="8"/>
      <c r="P441" s="8"/>
      <c r="Q441" s="8"/>
      <c r="R441" s="8"/>
      <c r="S441" s="8"/>
      <c r="T441" s="8"/>
      <c r="U441" s="8"/>
      <c r="V441" s="8"/>
    </row>
    <row r="442" spans="1:22" s="70" customFormat="1" ht="56.1" customHeight="1" x14ac:dyDescent="0.15">
      <c r="A442" s="195" t="s">
        <v>232</v>
      </c>
      <c r="B442" s="71"/>
      <c r="C442" s="261" t="s">
        <v>405</v>
      </c>
      <c r="D442" s="262"/>
      <c r="E442" s="262"/>
      <c r="F442" s="262"/>
      <c r="G442" s="262"/>
      <c r="H442" s="263"/>
      <c r="I442" s="112" t="s">
        <v>183</v>
      </c>
      <c r="J442" s="175"/>
      <c r="K442" s="176"/>
      <c r="L442" s="83" t="s">
        <v>431</v>
      </c>
      <c r="M442" s="83" t="s">
        <v>188</v>
      </c>
    </row>
    <row r="443" spans="1:22" s="70" customFormat="1" ht="56.1" customHeight="1" x14ac:dyDescent="0.15">
      <c r="A443" s="195" t="s">
        <v>233</v>
      </c>
      <c r="B443" s="71"/>
      <c r="C443" s="261" t="s">
        <v>184</v>
      </c>
      <c r="D443" s="262"/>
      <c r="E443" s="262"/>
      <c r="F443" s="262"/>
      <c r="G443" s="262"/>
      <c r="H443" s="263"/>
      <c r="I443" s="112" t="s">
        <v>185</v>
      </c>
      <c r="J443" s="175"/>
      <c r="K443" s="176"/>
      <c r="L443" s="177">
        <v>0</v>
      </c>
      <c r="M443" s="177">
        <v>0</v>
      </c>
    </row>
    <row r="444" spans="1:22" s="70" customFormat="1" ht="56.1" customHeight="1" x14ac:dyDescent="0.15">
      <c r="A444" s="195" t="s">
        <v>234</v>
      </c>
      <c r="B444" s="71"/>
      <c r="C444" s="261" t="s">
        <v>406</v>
      </c>
      <c r="D444" s="262"/>
      <c r="E444" s="262"/>
      <c r="F444" s="262"/>
      <c r="G444" s="262"/>
      <c r="H444" s="263"/>
      <c r="I444" s="112" t="s">
        <v>407</v>
      </c>
      <c r="J444" s="175"/>
      <c r="K444" s="176"/>
      <c r="L444" s="240">
        <v>0</v>
      </c>
      <c r="M444" s="240">
        <v>0</v>
      </c>
    </row>
    <row r="445" spans="1:22" s="70" customFormat="1" ht="60" customHeight="1" x14ac:dyDescent="0.15">
      <c r="A445" s="195" t="s">
        <v>235</v>
      </c>
      <c r="B445" s="71"/>
      <c r="C445" s="264" t="s">
        <v>408</v>
      </c>
      <c r="D445" s="265"/>
      <c r="E445" s="265"/>
      <c r="F445" s="265"/>
      <c r="G445" s="265"/>
      <c r="H445" s="266"/>
      <c r="I445" s="269" t="s">
        <v>409</v>
      </c>
      <c r="J445" s="175"/>
      <c r="K445" s="176"/>
      <c r="L445" s="241">
        <v>0</v>
      </c>
      <c r="M445" s="241">
        <v>0</v>
      </c>
    </row>
    <row r="446" spans="1:22" s="70" customFormat="1" ht="35.1" customHeight="1" x14ac:dyDescent="0.15">
      <c r="A446" s="195" t="s">
        <v>236</v>
      </c>
      <c r="B446" s="71"/>
      <c r="C446" s="178"/>
      <c r="D446" s="179"/>
      <c r="E446" s="264" t="s">
        <v>186</v>
      </c>
      <c r="F446" s="265"/>
      <c r="G446" s="265"/>
      <c r="H446" s="266"/>
      <c r="I446" s="271"/>
      <c r="J446" s="175"/>
      <c r="K446" s="176"/>
      <c r="L446" s="241">
        <v>0</v>
      </c>
      <c r="M446" s="241">
        <v>0</v>
      </c>
    </row>
    <row r="447" spans="1:22" s="70" customFormat="1" ht="35.1" customHeight="1" x14ac:dyDescent="0.15">
      <c r="A447" s="195"/>
      <c r="B447" s="71"/>
      <c r="C447" s="178"/>
      <c r="D447" s="179"/>
      <c r="E447" s="248"/>
      <c r="F447" s="249"/>
      <c r="G447" s="258" t="s">
        <v>262</v>
      </c>
      <c r="H447" s="260"/>
      <c r="I447" s="271"/>
      <c r="J447" s="175"/>
      <c r="K447" s="176"/>
      <c r="L447" s="241">
        <v>0</v>
      </c>
      <c r="M447" s="241">
        <v>0</v>
      </c>
    </row>
    <row r="448" spans="1:22" s="70" customFormat="1" ht="64.150000000000006" customHeight="1" x14ac:dyDescent="0.15">
      <c r="A448" s="195"/>
      <c r="B448" s="71"/>
      <c r="C448" s="178"/>
      <c r="D448" s="179"/>
      <c r="E448" s="248"/>
      <c r="F448" s="249"/>
      <c r="G448" s="276" t="s">
        <v>410</v>
      </c>
      <c r="H448" s="260"/>
      <c r="I448" s="271"/>
      <c r="J448" s="175"/>
      <c r="K448" s="176"/>
      <c r="L448" s="241">
        <v>0</v>
      </c>
      <c r="M448" s="241">
        <v>0</v>
      </c>
    </row>
    <row r="449" spans="1:23" s="70" customFormat="1" ht="67.150000000000006" customHeight="1" x14ac:dyDescent="0.15">
      <c r="A449" s="195" t="s">
        <v>237</v>
      </c>
      <c r="B449" s="71"/>
      <c r="C449" s="180"/>
      <c r="D449" s="227"/>
      <c r="E449" s="272"/>
      <c r="F449" s="273"/>
      <c r="G449" s="256"/>
      <c r="H449" s="246" t="s">
        <v>411</v>
      </c>
      <c r="I449" s="270"/>
      <c r="J449" s="175"/>
      <c r="K449" s="176"/>
      <c r="L449" s="241">
        <v>0</v>
      </c>
      <c r="M449" s="241">
        <v>0</v>
      </c>
    </row>
    <row r="450" spans="1:23" s="95" customFormat="1" ht="80.099999999999994" customHeight="1" x14ac:dyDescent="0.15">
      <c r="A450" s="195" t="s">
        <v>238</v>
      </c>
      <c r="B450" s="71"/>
      <c r="C450" s="264" t="s">
        <v>412</v>
      </c>
      <c r="D450" s="265"/>
      <c r="E450" s="265"/>
      <c r="F450" s="265"/>
      <c r="G450" s="274"/>
      <c r="H450" s="266"/>
      <c r="I450" s="269" t="s">
        <v>413</v>
      </c>
      <c r="J450" s="175"/>
      <c r="K450" s="176"/>
      <c r="L450" s="241">
        <v>0</v>
      </c>
      <c r="M450" s="241">
        <v>0</v>
      </c>
    </row>
    <row r="451" spans="1:23" s="95" customFormat="1" ht="34.5" customHeight="1" x14ac:dyDescent="0.15">
      <c r="A451" s="195" t="s">
        <v>239</v>
      </c>
      <c r="B451" s="71"/>
      <c r="C451" s="230"/>
      <c r="D451" s="232"/>
      <c r="E451" s="261" t="s">
        <v>414</v>
      </c>
      <c r="F451" s="262"/>
      <c r="G451" s="262"/>
      <c r="H451" s="263"/>
      <c r="I451" s="275"/>
      <c r="J451" s="175"/>
      <c r="K451" s="176"/>
      <c r="L451" s="241">
        <v>0</v>
      </c>
      <c r="M451" s="241">
        <v>0</v>
      </c>
    </row>
    <row r="452" spans="1:23" s="70" customFormat="1" ht="56.1" customHeight="1" x14ac:dyDescent="0.15">
      <c r="A452" s="195" t="s">
        <v>240</v>
      </c>
      <c r="B452" s="71"/>
      <c r="C452" s="261" t="s">
        <v>415</v>
      </c>
      <c r="D452" s="262"/>
      <c r="E452" s="262"/>
      <c r="F452" s="262"/>
      <c r="G452" s="262"/>
      <c r="H452" s="263"/>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66:L66"/>
    <mergeCell ref="D67:L67"/>
    <mergeCell ref="C81:G81"/>
    <mergeCell ref="H79:I79"/>
    <mergeCell ref="H80:I80"/>
    <mergeCell ref="J78:L78"/>
    <mergeCell ref="J79:L79"/>
    <mergeCell ref="H77:I77"/>
    <mergeCell ref="C82:G82"/>
    <mergeCell ref="C78:G78"/>
    <mergeCell ref="C79:G79"/>
    <mergeCell ref="C85:F85"/>
    <mergeCell ref="D68:L68"/>
    <mergeCell ref="D69:L69"/>
    <mergeCell ref="D70:L70"/>
    <mergeCell ref="C77:G77"/>
    <mergeCell ref="C83:F83"/>
    <mergeCell ref="H78:I78"/>
    <mergeCell ref="J77:L77"/>
    <mergeCell ref="J80:L80"/>
    <mergeCell ref="C84:F84"/>
    <mergeCell ref="C80:G80"/>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C126:H126"/>
    <mergeCell ref="C170:H170"/>
    <mergeCell ref="C178:H178"/>
    <mergeCell ref="C179:H179"/>
    <mergeCell ref="C180:H180"/>
    <mergeCell ref="C188:F189"/>
    <mergeCell ref="G188:H188"/>
    <mergeCell ref="C151:H151"/>
    <mergeCell ref="C159:H159"/>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206:F207"/>
    <mergeCell ref="G206:H206"/>
    <mergeCell ref="G207:H207"/>
    <mergeCell ref="C200:F201"/>
    <mergeCell ref="G200:H200"/>
    <mergeCell ref="G201:H201"/>
    <mergeCell ref="C202:F203"/>
    <mergeCell ref="G202:H202"/>
    <mergeCell ref="G203:H203"/>
    <mergeCell ref="C212:F213"/>
    <mergeCell ref="G212:H212"/>
    <mergeCell ref="G213:H213"/>
    <mergeCell ref="C214:F215"/>
    <mergeCell ref="G214:H214"/>
    <mergeCell ref="G215:H215"/>
    <mergeCell ref="C208:F209"/>
    <mergeCell ref="G208:H208"/>
    <mergeCell ref="G209:H209"/>
    <mergeCell ref="C210:F211"/>
    <mergeCell ref="G210:H210"/>
    <mergeCell ref="G211:H211"/>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17:H317"/>
    <mergeCell ref="E318:H318"/>
    <mergeCell ref="E270:H270"/>
    <mergeCell ref="C247:H247"/>
    <mergeCell ref="E277:H277"/>
    <mergeCell ref="E278:H278"/>
    <mergeCell ref="E279:H279"/>
    <mergeCell ref="E280:H280"/>
    <mergeCell ref="E273:H273"/>
    <mergeCell ref="C274:D283"/>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D401:H401"/>
    <mergeCell ref="D402:H402"/>
    <mergeCell ref="D403:H403"/>
    <mergeCell ref="D404:H404"/>
    <mergeCell ref="D406:H406"/>
    <mergeCell ref="C398:H398"/>
    <mergeCell ref="D405:H405"/>
    <mergeCell ref="C434:H434"/>
    <mergeCell ref="C430:H430"/>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1T08:13:02Z</cp:lastPrinted>
  <dcterms:created xsi:type="dcterms:W3CDTF">2019-03-05T10:58:25Z</dcterms:created>
  <dcterms:modified xsi:type="dcterms:W3CDTF">2021-06-29T01:43:22Z</dcterms:modified>
</cp:coreProperties>
</file>